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wmf" ContentType="image/x-wmf"/>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drawings/drawing2.xml" ContentType="application/vnd.openxmlformats-officedocument.drawing+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7328"/>
  <workbookPr/>
  <mc:AlternateContent xmlns:mc="http://schemas.openxmlformats.org/markup-compatibility/2006">
    <mc:Choice Requires="x15">
      <x15ac:absPath xmlns:x15ac="http://schemas.microsoft.com/office/spreadsheetml/2010/11/ac" url="C:\Users\i5027605\Desktop\添付図書チェックシート\"/>
    </mc:Choice>
  </mc:AlternateContent>
  <xr:revisionPtr revIDLastSave="0" documentId="13_ncr:1_{6CC783E9-6909-4D0E-92F9-FDB15B28EADF}" xr6:coauthVersionLast="47" xr6:coauthVersionMax="47" xr10:uidLastSave="{00000000-0000-0000-0000-000000000000}"/>
  <bookViews>
    <workbookView xWindow="-108" yWindow="-108" windowWidth="23256" windowHeight="12720" xr2:uid="{00000000-000D-0000-FFFF-FFFF00000000}"/>
  </bookViews>
  <sheets>
    <sheet name="防災下見添付図書" sheetId="18" r:id="rId1"/>
    <sheet name="審査表" sheetId="20" r:id="rId2"/>
    <sheet name="計画表" sheetId="21" r:id="rId3"/>
  </sheets>
  <definedNames>
    <definedName name="_xlnm.Print_Area" localSheetId="1">審査表!$A$1:$M$76</definedName>
    <definedName name="_xlnm.Print_Area" localSheetId="0">防災下見添付図書!$A$1:$AB$58</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314" uniqueCount="242">
  <si>
    <t>防火対象物名称</t>
    <rPh sb="0" eb="5">
      <t>ボウカタイショウブツ</t>
    </rPh>
    <rPh sb="5" eb="7">
      <t>メイショウ</t>
    </rPh>
    <phoneticPr fontId="1"/>
  </si>
  <si>
    <t>防火対象物住所</t>
    <rPh sb="0" eb="7">
      <t>ボウカタイショウブツジュウショ</t>
    </rPh>
    <phoneticPr fontId="1"/>
  </si>
  <si>
    <t>添付図書</t>
    <rPh sb="0" eb="4">
      <t>テンプトショ</t>
    </rPh>
    <phoneticPr fontId="1"/>
  </si>
  <si>
    <t>メモ</t>
    <phoneticPr fontId="1"/>
  </si>
  <si>
    <t>電話番号</t>
    <rPh sb="0" eb="2">
      <t>デンワ</t>
    </rPh>
    <phoneticPr fontId="1"/>
  </si>
  <si>
    <t>氏　　名</t>
    <rPh sb="0" eb="1">
      <t>シ</t>
    </rPh>
    <rPh sb="3" eb="4">
      <t>ナ</t>
    </rPh>
    <phoneticPr fontId="1"/>
  </si>
  <si>
    <t>オンライン申請番号</t>
    <rPh sb="5" eb="9">
      <t>シンセイバンゴウ</t>
    </rPh>
    <phoneticPr fontId="1"/>
  </si>
  <si>
    <t>連絡先</t>
    <phoneticPr fontId="1"/>
  </si>
  <si>
    <t>E-mail</t>
    <phoneticPr fontId="1"/>
  </si>
  <si>
    <t>―</t>
  </si>
  <si>
    <t>消防用設備等の非常電源を非常電源専用受電設備とすることができる防火対象物であっても、建築基準法の規定に基づき、非常用エレベーター又は排煙設備等の予備電源として自家発電設備が設けられる場合は、消防用設備等(消防用水及び消火活動上必要な施設に限る。)の非常電源としても使用できる容量で計画されていること　　　　　　　　　　　　　　　　　　　　　　　　　　　　　　　</t>
    <rPh sb="42" eb="44">
      <t>ケンチク</t>
    </rPh>
    <rPh sb="44" eb="47">
      <t>キジュンホウ</t>
    </rPh>
    <phoneticPr fontId="15"/>
  </si>
  <si>
    <t>非常電源</t>
    <phoneticPr fontId="15"/>
  </si>
  <si>
    <t>屋外の煙排出口の位置は、避難上又は消防活動上支障のない位置に計画されていること</t>
    <rPh sb="0" eb="2">
      <t>オクガイ</t>
    </rPh>
    <rPh sb="3" eb="4">
      <t>ケムリ</t>
    </rPh>
    <rPh sb="4" eb="6">
      <t>ハイシュツ</t>
    </rPh>
    <rPh sb="6" eb="7">
      <t>クチ</t>
    </rPh>
    <rPh sb="8" eb="10">
      <t>イチ</t>
    </rPh>
    <rPh sb="12" eb="14">
      <t>ヒナン</t>
    </rPh>
    <rPh sb="14" eb="15">
      <t>ジョウ</t>
    </rPh>
    <rPh sb="15" eb="16">
      <t>マタ</t>
    </rPh>
    <rPh sb="17" eb="19">
      <t>ショウボウ</t>
    </rPh>
    <rPh sb="19" eb="21">
      <t>カツドウ</t>
    </rPh>
    <rPh sb="21" eb="22">
      <t>ジョウ</t>
    </rPh>
    <rPh sb="22" eb="24">
      <t>シショウ</t>
    </rPh>
    <rPh sb="27" eb="29">
      <t>イチ</t>
    </rPh>
    <rPh sb="30" eb="32">
      <t>ケイカク</t>
    </rPh>
    <phoneticPr fontId="15"/>
  </si>
  <si>
    <t>○</t>
  </si>
  <si>
    <t>排煙設備(建築基準法令に係るもの)</t>
    <rPh sb="5" eb="7">
      <t>ケンチク</t>
    </rPh>
    <rPh sb="7" eb="9">
      <t>キジュン</t>
    </rPh>
    <rPh sb="9" eb="11">
      <t>ホウレイ</t>
    </rPh>
    <rPh sb="12" eb="13">
      <t>カカ</t>
    </rPh>
    <phoneticPr fontId="15"/>
  </si>
  <si>
    <t>消火活動拠点の給気口が直接外気に接していない場合は、給気用の風道に給気機が接続されていること</t>
    <rPh sb="0" eb="2">
      <t>ショウカ</t>
    </rPh>
    <rPh sb="2" eb="4">
      <t>カツドウ</t>
    </rPh>
    <rPh sb="4" eb="6">
      <t>キョテン</t>
    </rPh>
    <rPh sb="7" eb="9">
      <t>キュウキ</t>
    </rPh>
    <rPh sb="9" eb="10">
      <t>コウ</t>
    </rPh>
    <rPh sb="11" eb="13">
      <t>チョクセツ</t>
    </rPh>
    <rPh sb="13" eb="15">
      <t>ガイキ</t>
    </rPh>
    <rPh sb="16" eb="17">
      <t>セッ</t>
    </rPh>
    <rPh sb="22" eb="24">
      <t>バアイ</t>
    </rPh>
    <rPh sb="26" eb="28">
      <t>キュウキ</t>
    </rPh>
    <rPh sb="28" eb="29">
      <t>ヨウ</t>
    </rPh>
    <rPh sb="30" eb="32">
      <t>フウドウ</t>
    </rPh>
    <rPh sb="33" eb="35">
      <t>キュウキ</t>
    </rPh>
    <rPh sb="35" eb="36">
      <t>キ</t>
    </rPh>
    <rPh sb="37" eb="39">
      <t>セツゾク</t>
    </rPh>
    <phoneticPr fontId="15"/>
  </si>
  <si>
    <t>令別表第１(13)項イの用途に供しない駐車の用に供される部分のうち、地階又は無窓階で床面積が1000㎡以上のものは、排煙設備が令第28条に定める技術上の基準の例により設置する計画がされていること</t>
    <phoneticPr fontId="15"/>
  </si>
  <si>
    <t>排煙設備(消防法令に係るもの)　</t>
    <phoneticPr fontId="15"/>
  </si>
  <si>
    <t>上記以外の防火対象物又はその部分で、11階以上の階に設置するものは、固定式又は半固定式の避難用タラップ又は金属製避難はしごが計画されていること</t>
    <rPh sb="0" eb="2">
      <t>ジョウキ</t>
    </rPh>
    <rPh sb="2" eb="4">
      <t>イガイ</t>
    </rPh>
    <rPh sb="20" eb="23">
      <t>カイイジョウ</t>
    </rPh>
    <rPh sb="24" eb="25">
      <t>カイ</t>
    </rPh>
    <rPh sb="26" eb="28">
      <t>セッチ</t>
    </rPh>
    <rPh sb="34" eb="36">
      <t>コテイ</t>
    </rPh>
    <rPh sb="36" eb="37">
      <t>シキ</t>
    </rPh>
    <rPh sb="37" eb="38">
      <t>マタ</t>
    </rPh>
    <rPh sb="39" eb="40">
      <t>ハン</t>
    </rPh>
    <rPh sb="40" eb="42">
      <t>コテイ</t>
    </rPh>
    <rPh sb="42" eb="43">
      <t>シキ</t>
    </rPh>
    <rPh sb="44" eb="47">
      <t>ヒナンヨウ</t>
    </rPh>
    <rPh sb="51" eb="52">
      <t>マタ</t>
    </rPh>
    <rPh sb="53" eb="56">
      <t>キンゾクセイ</t>
    </rPh>
    <rPh sb="56" eb="58">
      <t>ヒナン</t>
    </rPh>
    <rPh sb="62" eb="64">
      <t>ケイカク</t>
    </rPh>
    <phoneticPr fontId="15"/>
  </si>
  <si>
    <t>令別表第１(６)項に掲げる防火対象物又はその部分に設置するものは、すべり台その他避難者が安全、確実に避難できるものが計画されていること　　　　　　　　　　　　　　　　　　　　　　　　　　　　　　　　　　　　　　　　　　　　　　　　　　　</t>
    <rPh sb="0" eb="1">
      <t>レイ</t>
    </rPh>
    <rPh sb="1" eb="3">
      <t>ベッピョウ</t>
    </rPh>
    <rPh sb="3" eb="4">
      <t>ダイ</t>
    </rPh>
    <rPh sb="8" eb="9">
      <t>コウ</t>
    </rPh>
    <rPh sb="10" eb="11">
      <t>カカ</t>
    </rPh>
    <rPh sb="13" eb="15">
      <t>ボウカ</t>
    </rPh>
    <rPh sb="15" eb="18">
      <t>タイショウブツ</t>
    </rPh>
    <rPh sb="18" eb="19">
      <t>マタ</t>
    </rPh>
    <rPh sb="22" eb="24">
      <t>ブブン</t>
    </rPh>
    <rPh sb="25" eb="27">
      <t>セッチ</t>
    </rPh>
    <rPh sb="36" eb="37">
      <t>ダイ</t>
    </rPh>
    <rPh sb="39" eb="40">
      <t>タ</t>
    </rPh>
    <rPh sb="40" eb="43">
      <t>ヒナンシャ</t>
    </rPh>
    <rPh sb="44" eb="46">
      <t>アンゼン</t>
    </rPh>
    <rPh sb="47" eb="49">
      <t>カクジツ</t>
    </rPh>
    <rPh sb="50" eb="52">
      <t>ヒナン</t>
    </rPh>
    <rPh sb="58" eb="60">
      <t>ケイカク</t>
    </rPh>
    <phoneticPr fontId="15"/>
  </si>
  <si>
    <t>避難器具</t>
    <rPh sb="0" eb="2">
      <t>ヒナン</t>
    </rPh>
    <rPh sb="2" eb="4">
      <t>キグ</t>
    </rPh>
    <phoneticPr fontId="15"/>
  </si>
  <si>
    <t>令第24条第３項の規定により設置を要する防火対象物のうち、規則第25条の２第２項第２号の規定が適用されるものは、同号中「11階以上の階、地下３階以下の階」を、「各階」と読み替え、起動装置を非常電話とするか、又は起動装置に防災センター等と通話することができる装置が付置される計画であること</t>
    <rPh sb="0" eb="1">
      <t>レイ</t>
    </rPh>
    <rPh sb="1" eb="2">
      <t>ダイ</t>
    </rPh>
    <rPh sb="4" eb="5">
      <t>ジョウ</t>
    </rPh>
    <rPh sb="5" eb="6">
      <t>ダイ</t>
    </rPh>
    <rPh sb="7" eb="8">
      <t>コウ</t>
    </rPh>
    <rPh sb="9" eb="11">
      <t>キテイ</t>
    </rPh>
    <rPh sb="14" eb="16">
      <t>セッチ</t>
    </rPh>
    <rPh sb="17" eb="18">
      <t>ヨウ</t>
    </rPh>
    <rPh sb="20" eb="22">
      <t>ボウカ</t>
    </rPh>
    <rPh sb="22" eb="25">
      <t>タイショウブツ</t>
    </rPh>
    <rPh sb="29" eb="31">
      <t>キソク</t>
    </rPh>
    <rPh sb="31" eb="32">
      <t>ダイ</t>
    </rPh>
    <rPh sb="34" eb="35">
      <t>ジョウ</t>
    </rPh>
    <rPh sb="37" eb="38">
      <t>ダイ</t>
    </rPh>
    <rPh sb="39" eb="40">
      <t>コウ</t>
    </rPh>
    <rPh sb="40" eb="41">
      <t>ダイ</t>
    </rPh>
    <rPh sb="42" eb="43">
      <t>ゴウ</t>
    </rPh>
    <rPh sb="44" eb="46">
      <t>キテイ</t>
    </rPh>
    <rPh sb="47" eb="49">
      <t>テキヨウ</t>
    </rPh>
    <rPh sb="56" eb="57">
      <t>ドウ</t>
    </rPh>
    <rPh sb="57" eb="58">
      <t>ゴウ</t>
    </rPh>
    <rPh sb="58" eb="59">
      <t>チュウ</t>
    </rPh>
    <rPh sb="62" eb="63">
      <t>カイ</t>
    </rPh>
    <rPh sb="63" eb="65">
      <t>イジョウ</t>
    </rPh>
    <rPh sb="66" eb="67">
      <t>カイ</t>
    </rPh>
    <rPh sb="68" eb="70">
      <t>チカ</t>
    </rPh>
    <rPh sb="71" eb="72">
      <t>カイ</t>
    </rPh>
    <rPh sb="72" eb="74">
      <t>イカ</t>
    </rPh>
    <rPh sb="75" eb="76">
      <t>カイ</t>
    </rPh>
    <rPh sb="80" eb="82">
      <t>カクカイ</t>
    </rPh>
    <rPh sb="84" eb="85">
      <t>ヨ</t>
    </rPh>
    <rPh sb="86" eb="87">
      <t>カ</t>
    </rPh>
    <rPh sb="89" eb="91">
      <t>キドウ</t>
    </rPh>
    <rPh sb="91" eb="93">
      <t>ソウチ</t>
    </rPh>
    <rPh sb="94" eb="96">
      <t>ヒジョウ</t>
    </rPh>
    <rPh sb="96" eb="98">
      <t>デンワ</t>
    </rPh>
    <rPh sb="103" eb="104">
      <t>マタ</t>
    </rPh>
    <rPh sb="105" eb="107">
      <t>キドウ</t>
    </rPh>
    <rPh sb="107" eb="109">
      <t>ソウチ</t>
    </rPh>
    <rPh sb="110" eb="112">
      <t>ボウサイ</t>
    </rPh>
    <rPh sb="116" eb="117">
      <t>トウ</t>
    </rPh>
    <rPh sb="118" eb="120">
      <t>ツウワ</t>
    </rPh>
    <rPh sb="128" eb="130">
      <t>ソウチ</t>
    </rPh>
    <rPh sb="131" eb="133">
      <t>フチ</t>
    </rPh>
    <rPh sb="136" eb="138">
      <t>ケイカク</t>
    </rPh>
    <phoneticPr fontId="15"/>
  </si>
  <si>
    <t>非常警報設備(放送設備)　　</t>
  </si>
  <si>
    <t>令第21条の２第１項の規定により設置を要する防火対象物のうち、地上階でガスを使用するもの(共同住宅を除く。)は、地上階の部分にも当該設備が令第21条の２に定める技術上の基準の例により設置する計画がされていること</t>
    <rPh sb="0" eb="1">
      <t>レイ</t>
    </rPh>
    <rPh sb="1" eb="2">
      <t>ダイ</t>
    </rPh>
    <rPh sb="4" eb="5">
      <t>ジョウ</t>
    </rPh>
    <rPh sb="7" eb="8">
      <t>ダイ</t>
    </rPh>
    <rPh sb="9" eb="10">
      <t>コウ</t>
    </rPh>
    <rPh sb="11" eb="13">
      <t>キテイ</t>
    </rPh>
    <rPh sb="16" eb="18">
      <t>セッチ</t>
    </rPh>
    <rPh sb="19" eb="20">
      <t>ヨウ</t>
    </rPh>
    <rPh sb="22" eb="24">
      <t>ボウカ</t>
    </rPh>
    <rPh sb="24" eb="27">
      <t>タイショウブツ</t>
    </rPh>
    <rPh sb="31" eb="33">
      <t>チジョウ</t>
    </rPh>
    <rPh sb="33" eb="34">
      <t>カイ</t>
    </rPh>
    <rPh sb="38" eb="40">
      <t>シヨウ</t>
    </rPh>
    <rPh sb="45" eb="47">
      <t>キョウドウ</t>
    </rPh>
    <rPh sb="47" eb="49">
      <t>ジュウタク</t>
    </rPh>
    <rPh sb="50" eb="51">
      <t>ノゾ</t>
    </rPh>
    <rPh sb="56" eb="58">
      <t>チジョウ</t>
    </rPh>
    <rPh sb="58" eb="59">
      <t>カイ</t>
    </rPh>
    <rPh sb="60" eb="62">
      <t>ブブン</t>
    </rPh>
    <rPh sb="64" eb="66">
      <t>トウガイ</t>
    </rPh>
    <rPh sb="66" eb="68">
      <t>セツビ</t>
    </rPh>
    <rPh sb="69" eb="70">
      <t>レイ</t>
    </rPh>
    <rPh sb="70" eb="71">
      <t>ダイ</t>
    </rPh>
    <rPh sb="73" eb="74">
      <t>ジョウ</t>
    </rPh>
    <rPh sb="77" eb="78">
      <t>サダ</t>
    </rPh>
    <rPh sb="80" eb="82">
      <t>ギジュツ</t>
    </rPh>
    <rPh sb="82" eb="83">
      <t>ジョウ</t>
    </rPh>
    <rPh sb="84" eb="86">
      <t>キジュン</t>
    </rPh>
    <rPh sb="87" eb="88">
      <t>レイ</t>
    </rPh>
    <rPh sb="91" eb="93">
      <t>セッチ</t>
    </rPh>
    <rPh sb="95" eb="97">
      <t>ケイカク</t>
    </rPh>
    <phoneticPr fontId="15"/>
  </si>
  <si>
    <t>ガス漏れ火災警報設備</t>
  </si>
  <si>
    <t>令第13条第１項の規定により設置を要する駐車の用に供される部分のうち、令第28条に定める技術上の基準又は当該技術上の基準の例により排煙設備を設置するものは、水噴霧消火設備又は泡消火設備が計画されていること（機械式駐車場等で、当該設備を設置することが困難なものを除く。）</t>
    <rPh sb="0" eb="1">
      <t>レイ</t>
    </rPh>
    <rPh sb="1" eb="2">
      <t>ダイ</t>
    </rPh>
    <rPh sb="4" eb="5">
      <t>ジョウ</t>
    </rPh>
    <rPh sb="5" eb="6">
      <t>ダイ</t>
    </rPh>
    <rPh sb="7" eb="8">
      <t>コウ</t>
    </rPh>
    <rPh sb="9" eb="11">
      <t>キテイ</t>
    </rPh>
    <rPh sb="14" eb="16">
      <t>セッチ</t>
    </rPh>
    <rPh sb="17" eb="18">
      <t>ヨウ</t>
    </rPh>
    <rPh sb="41" eb="42">
      <t>サダ</t>
    </rPh>
    <rPh sb="44" eb="46">
      <t>ギジュツ</t>
    </rPh>
    <rPh sb="46" eb="47">
      <t>ジョウ</t>
    </rPh>
    <rPh sb="48" eb="50">
      <t>キジュン</t>
    </rPh>
    <rPh sb="50" eb="51">
      <t>マタ</t>
    </rPh>
    <rPh sb="52" eb="54">
      <t>トウガイ</t>
    </rPh>
    <rPh sb="54" eb="56">
      <t>ギジュツ</t>
    </rPh>
    <rPh sb="56" eb="57">
      <t>ジョウ</t>
    </rPh>
    <rPh sb="58" eb="60">
      <t>キジュン</t>
    </rPh>
    <rPh sb="61" eb="62">
      <t>レイ</t>
    </rPh>
    <rPh sb="70" eb="72">
      <t>セッチ</t>
    </rPh>
    <rPh sb="78" eb="79">
      <t>ミズ</t>
    </rPh>
    <rPh sb="79" eb="81">
      <t>フンム</t>
    </rPh>
    <rPh sb="81" eb="83">
      <t>ショウカ</t>
    </rPh>
    <rPh sb="83" eb="85">
      <t>セツビ</t>
    </rPh>
    <rPh sb="85" eb="86">
      <t>マタ</t>
    </rPh>
    <rPh sb="87" eb="88">
      <t>アワ</t>
    </rPh>
    <rPh sb="88" eb="90">
      <t>ショウカ</t>
    </rPh>
    <rPh sb="90" eb="92">
      <t>セツビ</t>
    </rPh>
    <rPh sb="93" eb="95">
      <t>ケイカク</t>
    </rPh>
    <rPh sb="103" eb="106">
      <t>キカイシキ</t>
    </rPh>
    <rPh sb="106" eb="109">
      <t>チュウシャジョウ</t>
    </rPh>
    <rPh sb="109" eb="110">
      <t>トウ</t>
    </rPh>
    <rPh sb="112" eb="114">
      <t>トウガイ</t>
    </rPh>
    <rPh sb="114" eb="116">
      <t>セツビ</t>
    </rPh>
    <rPh sb="117" eb="119">
      <t>セッチ</t>
    </rPh>
    <rPh sb="124" eb="126">
      <t>コンナン</t>
    </rPh>
    <rPh sb="130" eb="131">
      <t>ノゾ</t>
    </rPh>
    <phoneticPr fontId="15"/>
  </si>
  <si>
    <t>設備図等</t>
    <rPh sb="0" eb="1">
      <t>セツ</t>
    </rPh>
    <rPh sb="1" eb="2">
      <t>ソナエ</t>
    </rPh>
    <rPh sb="2" eb="3">
      <t>ズ</t>
    </rPh>
    <rPh sb="3" eb="4">
      <t>トウ</t>
    </rPh>
    <phoneticPr fontId="15"/>
  </si>
  <si>
    <t>水噴霧消火設備等</t>
  </si>
  <si>
    <t>消防用設備等　</t>
    <rPh sb="0" eb="1">
      <t>ケ</t>
    </rPh>
    <rPh sb="1" eb="2">
      <t>ボウ</t>
    </rPh>
    <rPh sb="2" eb="3">
      <t>ヨウ</t>
    </rPh>
    <rPh sb="3" eb="4">
      <t>セツ</t>
    </rPh>
    <rPh sb="4" eb="5">
      <t>ソナエ</t>
    </rPh>
    <rPh sb="5" eb="6">
      <t>ナド</t>
    </rPh>
    <phoneticPr fontId="15"/>
  </si>
  <si>
    <t>遠隔監視場所において監視、操作等を行うもの（監視対象物には、スプリンクラー設備が設置されていること。）</t>
    <phoneticPr fontId="15"/>
  </si>
  <si>
    <t>監視場所において監視、操作等を行うもの（監視対象物には、スプリンクラー設備が設置されていること。）</t>
    <phoneticPr fontId="15"/>
  </si>
  <si>
    <t>副防災監視場所において監視、操作等を行うもの</t>
    <phoneticPr fontId="15"/>
  </si>
  <si>
    <t>総合操作盤の設置を要する防火対象物にあっては、常時人がいる防災監視場所に設置が計画されていること。ただし、次のいずれかに該当する場合にあっては、それぞれの規定に適合する監視等の体制が確保されていること</t>
    <rPh sb="0" eb="2">
      <t>ソウゴウ</t>
    </rPh>
    <rPh sb="36" eb="38">
      <t>セッチ</t>
    </rPh>
    <rPh sb="64" eb="66">
      <t>バアイ</t>
    </rPh>
    <rPh sb="77" eb="79">
      <t>キテイ</t>
    </rPh>
    <rPh sb="80" eb="82">
      <t>テキゴウ</t>
    </rPh>
    <phoneticPr fontId="15"/>
  </si>
  <si>
    <t>総合操作盤</t>
    <rPh sb="0" eb="5">
      <t>ソウゴウソウサバン</t>
    </rPh>
    <phoneticPr fontId="15"/>
  </si>
  <si>
    <t>開放型ヘッド、放水型ヘッド等特殊なものが必要となる防火対象物にあっては、当該設備が計画されていること
　　　　　天井高さ６ｍ超え、10ｍ超え　　　　　指定可燃物の貯蔵場所
　 　　　 ラック式倉庫　　　　　　　　　　　　　　 舞台部</t>
    <rPh sb="0" eb="3">
      <t>カイホウガタ</t>
    </rPh>
    <rPh sb="7" eb="9">
      <t>ホウスイ</t>
    </rPh>
    <rPh sb="9" eb="10">
      <t>ガタ</t>
    </rPh>
    <rPh sb="13" eb="14">
      <t>トウ</t>
    </rPh>
    <rPh sb="14" eb="16">
      <t>トクシュ</t>
    </rPh>
    <rPh sb="20" eb="22">
      <t>ヒツヨウ</t>
    </rPh>
    <rPh sb="25" eb="27">
      <t>ボウカ</t>
    </rPh>
    <rPh sb="27" eb="30">
      <t>タイショウブツ</t>
    </rPh>
    <rPh sb="36" eb="38">
      <t>トウガイ</t>
    </rPh>
    <rPh sb="38" eb="40">
      <t>セツビ</t>
    </rPh>
    <rPh sb="41" eb="43">
      <t>ケイカク</t>
    </rPh>
    <rPh sb="56" eb="58">
      <t>テンジョウ</t>
    </rPh>
    <rPh sb="58" eb="59">
      <t>ダカ</t>
    </rPh>
    <rPh sb="62" eb="63">
      <t>コ</t>
    </rPh>
    <rPh sb="68" eb="69">
      <t>コ</t>
    </rPh>
    <rPh sb="75" eb="77">
      <t>シテイ</t>
    </rPh>
    <rPh sb="77" eb="80">
      <t>カネンブツ</t>
    </rPh>
    <rPh sb="81" eb="83">
      <t>チョゾウ</t>
    </rPh>
    <rPh sb="83" eb="85">
      <t>バショ</t>
    </rPh>
    <rPh sb="95" eb="96">
      <t>シキ</t>
    </rPh>
    <rPh sb="96" eb="98">
      <t>ソウコ</t>
    </rPh>
    <phoneticPr fontId="15"/>
  </si>
  <si>
    <t>スプリンクラー設備</t>
  </si>
  <si>
    <t>防災センターで消防用設備等の種別に応じた監視、制御等の機能が確保されていること</t>
    <phoneticPr fontId="15"/>
  </si>
  <si>
    <t>×</t>
  </si>
  <si>
    <t>法令及び指導基準で設置を要する消防用設備等が計画されていること</t>
    <rPh sb="0" eb="2">
      <t>ホウレイ</t>
    </rPh>
    <rPh sb="2" eb="3">
      <t>オヨ</t>
    </rPh>
    <rPh sb="4" eb="6">
      <t>シドウ</t>
    </rPh>
    <rPh sb="6" eb="8">
      <t>キジュン</t>
    </rPh>
    <rPh sb="9" eb="11">
      <t>セッチ</t>
    </rPh>
    <rPh sb="12" eb="13">
      <t>ヨウ</t>
    </rPh>
    <rPh sb="15" eb="18">
      <t>ショウボウヨウ</t>
    </rPh>
    <rPh sb="18" eb="21">
      <t>セツビトウ</t>
    </rPh>
    <rPh sb="22" eb="24">
      <t>ケイカク</t>
    </rPh>
    <phoneticPr fontId="15"/>
  </si>
  <si>
    <t>防災設備機器一覧表</t>
    <rPh sb="0" eb="2">
      <t>ボウサイ</t>
    </rPh>
    <rPh sb="2" eb="4">
      <t>セツビ</t>
    </rPh>
    <rPh sb="4" eb="6">
      <t>キキ</t>
    </rPh>
    <rPh sb="6" eb="8">
      <t>イチラン</t>
    </rPh>
    <rPh sb="8" eb="9">
      <t>ヒョウ</t>
    </rPh>
    <phoneticPr fontId="15"/>
  </si>
  <si>
    <t>防災設備計画</t>
    <rPh sb="0" eb="2">
      <t>ボウサイ</t>
    </rPh>
    <rPh sb="2" eb="4">
      <t>セツビ</t>
    </rPh>
    <rPh sb="4" eb="6">
      <t>ケイカク</t>
    </rPh>
    <phoneticPr fontId="15"/>
  </si>
  <si>
    <t>カーテン、じゅうたん等の防炎物品の使用のほか、家具、什器、寝具類(共同住宅を除く就寝施設に限る。)についても努めて防炎性能を有するものを使用する計画であること</t>
    <rPh sb="10" eb="11">
      <t>トウ</t>
    </rPh>
    <rPh sb="12" eb="14">
      <t>ボウエン</t>
    </rPh>
    <rPh sb="14" eb="16">
      <t>ブッピン</t>
    </rPh>
    <rPh sb="17" eb="19">
      <t>シヨウ</t>
    </rPh>
    <rPh sb="23" eb="25">
      <t>カグ</t>
    </rPh>
    <rPh sb="26" eb="28">
      <t>ジュウキ</t>
    </rPh>
    <rPh sb="29" eb="31">
      <t>シング</t>
    </rPh>
    <rPh sb="31" eb="32">
      <t>ルイ</t>
    </rPh>
    <rPh sb="33" eb="35">
      <t>キョウドウ</t>
    </rPh>
    <rPh sb="35" eb="37">
      <t>ジュウタク</t>
    </rPh>
    <rPh sb="38" eb="39">
      <t>ノゾ</t>
    </rPh>
    <rPh sb="40" eb="42">
      <t>シュウシン</t>
    </rPh>
    <rPh sb="42" eb="44">
      <t>シセツ</t>
    </rPh>
    <rPh sb="45" eb="46">
      <t>カギ</t>
    </rPh>
    <rPh sb="54" eb="55">
      <t>ツト</t>
    </rPh>
    <rPh sb="57" eb="59">
      <t>ボウエン</t>
    </rPh>
    <rPh sb="59" eb="61">
      <t>セイノウ</t>
    </rPh>
    <rPh sb="62" eb="63">
      <t>ユウ</t>
    </rPh>
    <rPh sb="68" eb="70">
      <t>シヨウ</t>
    </rPh>
    <rPh sb="72" eb="74">
      <t>ケイカク</t>
    </rPh>
    <phoneticPr fontId="15"/>
  </si>
  <si>
    <t>室内に面する壁(腰壁部分を含む。)及び天井は、下地とも不燃化を図ったものであること</t>
    <rPh sb="0" eb="2">
      <t>シツナイ</t>
    </rPh>
    <rPh sb="3" eb="4">
      <t>メン</t>
    </rPh>
    <rPh sb="6" eb="7">
      <t>カベ</t>
    </rPh>
    <rPh sb="8" eb="10">
      <t>コシカベ</t>
    </rPh>
    <rPh sb="10" eb="12">
      <t>ブブン</t>
    </rPh>
    <rPh sb="13" eb="14">
      <t>フク</t>
    </rPh>
    <rPh sb="17" eb="18">
      <t>オヨ</t>
    </rPh>
    <rPh sb="19" eb="21">
      <t>テンジョウ</t>
    </rPh>
    <rPh sb="23" eb="25">
      <t>シタジ</t>
    </rPh>
    <rPh sb="27" eb="30">
      <t>フネンカ</t>
    </rPh>
    <rPh sb="31" eb="32">
      <t>ハカ</t>
    </rPh>
    <phoneticPr fontId="15"/>
  </si>
  <si>
    <t>内装等</t>
    <rPh sb="0" eb="2">
      <t>ナイソウ</t>
    </rPh>
    <rPh sb="2" eb="3">
      <t>トウ</t>
    </rPh>
    <phoneticPr fontId="15"/>
  </si>
  <si>
    <t>内部仕上表</t>
    <rPh sb="0" eb="4">
      <t>ナイブシア</t>
    </rPh>
    <rPh sb="4" eb="5">
      <t>ヒョウ</t>
    </rPh>
    <phoneticPr fontId="15"/>
  </si>
  <si>
    <t>共同住宅で建物の玄関にオートロックドアを設ける場合は、玄関付近で消防隊が容易に近づける位置に、非常用解錠ボタンを設ける等非常時の解錠措置が講じられたものであること</t>
    <phoneticPr fontId="15"/>
  </si>
  <si>
    <t>オートロック</t>
    <phoneticPr fontId="15"/>
  </si>
  <si>
    <t>夜間等無人時に出入口を施錠する場合は、非常時に消防隊が速やかに対応できる措置が講じられていること（自動火災報知設備との連動解錠措置等）</t>
    <rPh sb="0" eb="3">
      <t>ヤカントウ</t>
    </rPh>
    <rPh sb="3" eb="5">
      <t>ムジン</t>
    </rPh>
    <rPh sb="5" eb="6">
      <t>ジ</t>
    </rPh>
    <rPh sb="7" eb="9">
      <t>デイ</t>
    </rPh>
    <rPh sb="9" eb="10">
      <t>グチ</t>
    </rPh>
    <rPh sb="11" eb="13">
      <t>セジョウ</t>
    </rPh>
    <rPh sb="15" eb="17">
      <t>バアイ</t>
    </rPh>
    <rPh sb="19" eb="21">
      <t>ヒジョウ</t>
    </rPh>
    <rPh sb="21" eb="22">
      <t>ジ</t>
    </rPh>
    <rPh sb="23" eb="26">
      <t>ショウボウタイ</t>
    </rPh>
    <rPh sb="27" eb="28">
      <t>スミ</t>
    </rPh>
    <rPh sb="31" eb="33">
      <t>タイオウ</t>
    </rPh>
    <rPh sb="36" eb="38">
      <t>ソチ</t>
    </rPh>
    <rPh sb="39" eb="40">
      <t>コウ</t>
    </rPh>
    <rPh sb="49" eb="51">
      <t>ジドウ</t>
    </rPh>
    <rPh sb="51" eb="53">
      <t>カサイ</t>
    </rPh>
    <rPh sb="53" eb="55">
      <t>ホウチ</t>
    </rPh>
    <rPh sb="55" eb="57">
      <t>セツビ</t>
    </rPh>
    <rPh sb="59" eb="61">
      <t>レンドウ</t>
    </rPh>
    <rPh sb="61" eb="63">
      <t>カイジョウ</t>
    </rPh>
    <rPh sb="63" eb="65">
      <t>ソチ</t>
    </rPh>
    <rPh sb="65" eb="66">
      <t>トウ</t>
    </rPh>
    <phoneticPr fontId="15"/>
  </si>
  <si>
    <t>原則として、避難経路が２以上確保されていること</t>
    <rPh sb="0" eb="2">
      <t>ゲンソク</t>
    </rPh>
    <rPh sb="6" eb="8">
      <t>ヒナン</t>
    </rPh>
    <rPh sb="8" eb="10">
      <t>ケイロ</t>
    </rPh>
    <rPh sb="12" eb="14">
      <t>イジョウ</t>
    </rPh>
    <rPh sb="14" eb="16">
      <t>カクホ</t>
    </rPh>
    <phoneticPr fontId="15"/>
  </si>
  <si>
    <t>複数の防災センターを設ける場合は、相互に連携した活動ができる機能を有するものであること</t>
    <rPh sb="0" eb="2">
      <t>フクスウ</t>
    </rPh>
    <rPh sb="3" eb="5">
      <t>ボウサイ</t>
    </rPh>
    <rPh sb="10" eb="11">
      <t>モウ</t>
    </rPh>
    <rPh sb="13" eb="15">
      <t>バアイ</t>
    </rPh>
    <rPh sb="17" eb="19">
      <t>ソウゴ</t>
    </rPh>
    <rPh sb="20" eb="22">
      <t>レンケイ</t>
    </rPh>
    <rPh sb="24" eb="26">
      <t>カツドウ</t>
    </rPh>
    <rPh sb="30" eb="32">
      <t>キノウ</t>
    </rPh>
    <rPh sb="33" eb="34">
      <t>ユウ</t>
    </rPh>
    <phoneticPr fontId="15"/>
  </si>
  <si>
    <t>道路等から直接又は他の部分と防火防煙区画された通路等を経て容易に進入し、かつ、避難することができるものであること</t>
    <rPh sb="0" eb="3">
      <t>ドウロトウ</t>
    </rPh>
    <rPh sb="5" eb="7">
      <t>チョクセツ</t>
    </rPh>
    <rPh sb="7" eb="8">
      <t>マタ</t>
    </rPh>
    <rPh sb="9" eb="10">
      <t>タ</t>
    </rPh>
    <rPh sb="11" eb="13">
      <t>ブブン</t>
    </rPh>
    <rPh sb="14" eb="16">
      <t>ボウカ</t>
    </rPh>
    <rPh sb="16" eb="17">
      <t>ボウ</t>
    </rPh>
    <rPh sb="17" eb="18">
      <t>ケムリ</t>
    </rPh>
    <rPh sb="18" eb="20">
      <t>クカク</t>
    </rPh>
    <rPh sb="23" eb="26">
      <t>ツウロトウ</t>
    </rPh>
    <rPh sb="27" eb="28">
      <t>ヘ</t>
    </rPh>
    <rPh sb="29" eb="31">
      <t>ヨウイ</t>
    </rPh>
    <rPh sb="32" eb="34">
      <t>シンニュウ</t>
    </rPh>
    <rPh sb="39" eb="41">
      <t>ヒナン</t>
    </rPh>
    <phoneticPr fontId="15"/>
  </si>
  <si>
    <t>他の部分(休憩室、仮眠室等を設ける場合は、当該部分を含む。)と防火区画されていること</t>
    <rPh sb="0" eb="1">
      <t>タ</t>
    </rPh>
    <rPh sb="2" eb="4">
      <t>ブブン</t>
    </rPh>
    <rPh sb="5" eb="8">
      <t>キュウケイシツ</t>
    </rPh>
    <rPh sb="9" eb="12">
      <t>カミンシツ</t>
    </rPh>
    <rPh sb="12" eb="13">
      <t>トウ</t>
    </rPh>
    <rPh sb="14" eb="15">
      <t>モウ</t>
    </rPh>
    <rPh sb="17" eb="19">
      <t>バアイ</t>
    </rPh>
    <rPh sb="21" eb="23">
      <t>トウガイ</t>
    </rPh>
    <rPh sb="23" eb="25">
      <t>ブブン</t>
    </rPh>
    <rPh sb="26" eb="27">
      <t>フク</t>
    </rPh>
    <rPh sb="31" eb="33">
      <t>ボウカ</t>
    </rPh>
    <rPh sb="33" eb="35">
      <t>クカク</t>
    </rPh>
    <phoneticPr fontId="15"/>
  </si>
  <si>
    <t>避難階又はその直上階若しくは直下階で、消防活動上有効な位置に設けられていること</t>
    <rPh sb="0" eb="2">
      <t>ヒナン</t>
    </rPh>
    <rPh sb="2" eb="3">
      <t>カイ</t>
    </rPh>
    <rPh sb="3" eb="4">
      <t>マタ</t>
    </rPh>
    <rPh sb="7" eb="8">
      <t>チョク</t>
    </rPh>
    <rPh sb="8" eb="10">
      <t>ジョウカイ</t>
    </rPh>
    <rPh sb="10" eb="11">
      <t>モ</t>
    </rPh>
    <rPh sb="14" eb="16">
      <t>チョクシタ</t>
    </rPh>
    <rPh sb="16" eb="17">
      <t>カイ</t>
    </rPh>
    <rPh sb="19" eb="21">
      <t>ショウボウ</t>
    </rPh>
    <rPh sb="21" eb="23">
      <t>カツドウ</t>
    </rPh>
    <rPh sb="23" eb="24">
      <t>ジョウ</t>
    </rPh>
    <rPh sb="24" eb="26">
      <t>ユウコウ</t>
    </rPh>
    <rPh sb="27" eb="29">
      <t>イチ</t>
    </rPh>
    <rPh sb="30" eb="31">
      <t>モウ</t>
    </rPh>
    <phoneticPr fontId="15"/>
  </si>
  <si>
    <t>防災センター　　</t>
    <rPh sb="0" eb="1">
      <t>ボウ</t>
    </rPh>
    <rPh sb="1" eb="2">
      <t>ワザワ</t>
    </rPh>
    <phoneticPr fontId="15"/>
  </si>
  <si>
    <t>進入口等が容易に判別しにくい形態のものは、進入口等である旨の標識が外部から見やすい方法で設けられていること</t>
    <rPh sb="3" eb="4">
      <t>トウ</t>
    </rPh>
    <rPh sb="5" eb="7">
      <t>ヨウイ</t>
    </rPh>
    <rPh sb="8" eb="10">
      <t>ハンベツ</t>
    </rPh>
    <rPh sb="14" eb="16">
      <t>ケイタイ</t>
    </rPh>
    <rPh sb="33" eb="35">
      <t>ガイブ</t>
    </rPh>
    <rPh sb="37" eb="38">
      <t>ミ</t>
    </rPh>
    <rPh sb="41" eb="43">
      <t>ホウホウ</t>
    </rPh>
    <rPh sb="44" eb="45">
      <t>モウ</t>
    </rPh>
    <phoneticPr fontId="15"/>
  </si>
  <si>
    <t>居室を有する３階以上の階で、41ｍ以下の階には、非常用エレベーターの設置にかかわらず、非常用進入口又はそれに代わる開口部（以下「進入口等」という。）が、はしご車の有効活動範囲内に１以上設けられていること</t>
    <rPh sb="0" eb="2">
      <t>キョシツ</t>
    </rPh>
    <rPh sb="3" eb="4">
      <t>ユウ</t>
    </rPh>
    <rPh sb="7" eb="8">
      <t>カイ</t>
    </rPh>
    <rPh sb="8" eb="10">
      <t>イジョウ</t>
    </rPh>
    <rPh sb="11" eb="12">
      <t>カイ</t>
    </rPh>
    <rPh sb="17" eb="19">
      <t>イカ</t>
    </rPh>
    <rPh sb="20" eb="21">
      <t>カイ</t>
    </rPh>
    <rPh sb="24" eb="27">
      <t>ヒジョウヨウ</t>
    </rPh>
    <rPh sb="34" eb="36">
      <t>セッチ</t>
    </rPh>
    <rPh sb="43" eb="46">
      <t>ヒジョウヨウ</t>
    </rPh>
    <rPh sb="46" eb="48">
      <t>シンニュウ</t>
    </rPh>
    <rPh sb="48" eb="49">
      <t>クチ</t>
    </rPh>
    <rPh sb="49" eb="50">
      <t>マタ</t>
    </rPh>
    <rPh sb="54" eb="55">
      <t>カ</t>
    </rPh>
    <rPh sb="57" eb="60">
      <t>カイコウブ</t>
    </rPh>
    <rPh sb="61" eb="63">
      <t>イカ</t>
    </rPh>
    <rPh sb="64" eb="66">
      <t>シンニュウ</t>
    </rPh>
    <rPh sb="66" eb="67">
      <t>クチ</t>
    </rPh>
    <rPh sb="67" eb="68">
      <t>トウ</t>
    </rPh>
    <rPh sb="79" eb="80">
      <t>シャ</t>
    </rPh>
    <rPh sb="81" eb="83">
      <t>ユウコウ</t>
    </rPh>
    <rPh sb="83" eb="85">
      <t>カツドウ</t>
    </rPh>
    <rPh sb="85" eb="88">
      <t>ハンイナイ</t>
    </rPh>
    <rPh sb="90" eb="92">
      <t>イジョウ</t>
    </rPh>
    <rPh sb="92" eb="93">
      <t>モウ</t>
    </rPh>
    <phoneticPr fontId="15"/>
  </si>
  <si>
    <t>非常用進入口等</t>
    <rPh sb="0" eb="3">
      <t>ヒジョウヨウ</t>
    </rPh>
    <rPh sb="3" eb="5">
      <t>シンニュウ</t>
    </rPh>
    <rPh sb="5" eb="6">
      <t>クチ</t>
    </rPh>
    <rPh sb="6" eb="7">
      <t>トウ</t>
    </rPh>
    <phoneticPr fontId="15"/>
  </si>
  <si>
    <t>乗降ロビーと廊下等との区画に用いる防火設備は、消防隊の通過に際し支障とならない構造であること</t>
    <rPh sb="39" eb="41">
      <t>コウゾウ</t>
    </rPh>
    <phoneticPr fontId="15"/>
  </si>
  <si>
    <t>消防活動が有効に行える屋上を有するものにあっては、１基以上を屋上へ着床できるものとすること（階段等により消防活動が有効に行えるよう措置される場合を除く。）</t>
    <rPh sb="0" eb="2">
      <t>ショウボウ</t>
    </rPh>
    <rPh sb="2" eb="4">
      <t>カツドウ</t>
    </rPh>
    <rPh sb="5" eb="7">
      <t>ユウコウ</t>
    </rPh>
    <rPh sb="8" eb="9">
      <t>オコナ</t>
    </rPh>
    <rPh sb="11" eb="13">
      <t>オクジョウ</t>
    </rPh>
    <rPh sb="14" eb="15">
      <t>ユウ</t>
    </rPh>
    <rPh sb="26" eb="27">
      <t>キ</t>
    </rPh>
    <rPh sb="27" eb="29">
      <t>イジョウ</t>
    </rPh>
    <rPh sb="30" eb="32">
      <t>オクジョウ</t>
    </rPh>
    <rPh sb="33" eb="35">
      <t>チャクショウ</t>
    </rPh>
    <rPh sb="46" eb="49">
      <t>カイダントウ</t>
    </rPh>
    <rPh sb="52" eb="54">
      <t>ショウボウ</t>
    </rPh>
    <rPh sb="54" eb="56">
      <t>カツドウ</t>
    </rPh>
    <rPh sb="57" eb="59">
      <t>ユウコウ</t>
    </rPh>
    <rPh sb="60" eb="61">
      <t>オコナ</t>
    </rPh>
    <rPh sb="65" eb="67">
      <t>ソチ</t>
    </rPh>
    <rPh sb="70" eb="72">
      <t>バアイ</t>
    </rPh>
    <rPh sb="73" eb="74">
      <t>ノゾ</t>
    </rPh>
    <phoneticPr fontId="15"/>
  </si>
  <si>
    <t>乗降ロビーへは、外部から消防隊が容易、かつ、安全に進入することができるものであること</t>
    <rPh sb="0" eb="2">
      <t>ジョウコウ</t>
    </rPh>
    <rPh sb="8" eb="10">
      <t>ガイブ</t>
    </rPh>
    <rPh sb="12" eb="15">
      <t>ショウボウタイ</t>
    </rPh>
    <rPh sb="16" eb="18">
      <t>ヨウイ</t>
    </rPh>
    <rPh sb="22" eb="24">
      <t>アンゼン</t>
    </rPh>
    <rPh sb="25" eb="27">
      <t>シンニュウ</t>
    </rPh>
    <phoneticPr fontId="15"/>
  </si>
  <si>
    <t>乗降ロビーは、防災センターと容易に、かつ、安全な通路で連絡されていること</t>
    <rPh sb="0" eb="2">
      <t>ジョウコウ</t>
    </rPh>
    <rPh sb="7" eb="9">
      <t>ボウサイ</t>
    </rPh>
    <rPh sb="14" eb="16">
      <t>ヨウイ</t>
    </rPh>
    <rPh sb="21" eb="23">
      <t>アンゼン</t>
    </rPh>
    <rPh sb="24" eb="26">
      <t>ツウロ</t>
    </rPh>
    <rPh sb="27" eb="29">
      <t>レンラク</t>
    </rPh>
    <phoneticPr fontId="15"/>
  </si>
  <si>
    <t>非常用エレベーター</t>
    <rPh sb="0" eb="3">
      <t>ヒジョウヨウ</t>
    </rPh>
    <phoneticPr fontId="15"/>
  </si>
  <si>
    <t>　防火及び消防活動施設</t>
    <rPh sb="1" eb="3">
      <t>ボウカ</t>
    </rPh>
    <rPh sb="3" eb="4">
      <t>オヨ</t>
    </rPh>
    <rPh sb="5" eb="7">
      <t>ショウボウ</t>
    </rPh>
    <rPh sb="7" eb="9">
      <t>カツドウ</t>
    </rPh>
    <rPh sb="9" eb="11">
      <t>シセツ</t>
    </rPh>
    <phoneticPr fontId="15"/>
  </si>
  <si>
    <t>配置図・平面図・防火区画図･立面図</t>
    <phoneticPr fontId="15"/>
  </si>
  <si>
    <t>共住省令を適用する計画のものにあっては、共住区画が適正に計画されていること</t>
    <rPh sb="0" eb="2">
      <t>キョウジュウ</t>
    </rPh>
    <rPh sb="2" eb="4">
      <t>ショウレイ</t>
    </rPh>
    <rPh sb="5" eb="7">
      <t>テキヨウ</t>
    </rPh>
    <rPh sb="9" eb="11">
      <t>ケイカク</t>
    </rPh>
    <rPh sb="20" eb="21">
      <t>トモ</t>
    </rPh>
    <rPh sb="21" eb="22">
      <t>ジュウ</t>
    </rPh>
    <rPh sb="22" eb="24">
      <t>クカク</t>
    </rPh>
    <rPh sb="25" eb="27">
      <t>テキセイ</t>
    </rPh>
    <rPh sb="28" eb="30">
      <t>ケイカク</t>
    </rPh>
    <phoneticPr fontId="15"/>
  </si>
  <si>
    <t>令第８条又は規則第13条を適用する計画のものにあっては、当該区画の設定位置が適切であること</t>
    <rPh sb="0" eb="1">
      <t>レイ</t>
    </rPh>
    <rPh sb="1" eb="2">
      <t>ダイ</t>
    </rPh>
    <rPh sb="3" eb="4">
      <t>ジョウ</t>
    </rPh>
    <rPh sb="4" eb="5">
      <t>マタ</t>
    </rPh>
    <rPh sb="6" eb="8">
      <t>キソク</t>
    </rPh>
    <rPh sb="8" eb="9">
      <t>ダイ</t>
    </rPh>
    <rPh sb="11" eb="12">
      <t>ジョウ</t>
    </rPh>
    <rPh sb="13" eb="15">
      <t>テキヨウ</t>
    </rPh>
    <rPh sb="17" eb="19">
      <t>ケイカク</t>
    </rPh>
    <rPh sb="28" eb="30">
      <t>トウガイ</t>
    </rPh>
    <rPh sb="30" eb="32">
      <t>クカク</t>
    </rPh>
    <rPh sb="33" eb="35">
      <t>セッテイ</t>
    </rPh>
    <rPh sb="35" eb="37">
      <t>イチ</t>
    </rPh>
    <rPh sb="38" eb="40">
      <t>テキセツ</t>
    </rPh>
    <phoneticPr fontId="15"/>
  </si>
  <si>
    <t>吹抜け又はエスカレーター(昇降口の部分を除く。)の区画に防火シャッターを用いる場合は、閉鎖障害を防止するため、固定スクリーン(線入りガラス等不燃材料による間仕切壁に限る。)又は手すりが併設されていること</t>
    <rPh sb="0" eb="2">
      <t>フキヌ</t>
    </rPh>
    <rPh sb="3" eb="4">
      <t>マタ</t>
    </rPh>
    <rPh sb="13" eb="15">
      <t>ショウコウ</t>
    </rPh>
    <rPh sb="15" eb="16">
      <t>クチ</t>
    </rPh>
    <rPh sb="17" eb="19">
      <t>ブブン</t>
    </rPh>
    <rPh sb="20" eb="21">
      <t>ノゾ</t>
    </rPh>
    <rPh sb="25" eb="27">
      <t>クカク</t>
    </rPh>
    <rPh sb="28" eb="30">
      <t>ボウカ</t>
    </rPh>
    <rPh sb="36" eb="37">
      <t>モチ</t>
    </rPh>
    <rPh sb="39" eb="41">
      <t>バアイ</t>
    </rPh>
    <rPh sb="43" eb="45">
      <t>ヘイサ</t>
    </rPh>
    <rPh sb="45" eb="47">
      <t>ショウガイ</t>
    </rPh>
    <rPh sb="48" eb="50">
      <t>ボウシ</t>
    </rPh>
    <rPh sb="55" eb="57">
      <t>コテイ</t>
    </rPh>
    <rPh sb="63" eb="64">
      <t>セン</t>
    </rPh>
    <rPh sb="64" eb="65">
      <t>イ</t>
    </rPh>
    <rPh sb="69" eb="70">
      <t>トウ</t>
    </rPh>
    <rPh sb="70" eb="72">
      <t>フネン</t>
    </rPh>
    <rPh sb="72" eb="74">
      <t>ザイリョウ</t>
    </rPh>
    <rPh sb="77" eb="81">
      <t>マジキリカベ</t>
    </rPh>
    <rPh sb="82" eb="83">
      <t>カギ</t>
    </rPh>
    <rPh sb="86" eb="87">
      <t>マタ</t>
    </rPh>
    <rPh sb="88" eb="89">
      <t>テ</t>
    </rPh>
    <rPh sb="92" eb="94">
      <t>ヘイセツ</t>
    </rPh>
    <phoneticPr fontId="15"/>
  </si>
  <si>
    <t>パイプシャフト及び電気配線シャフト等は、床面で防火区画されていること</t>
    <rPh sb="7" eb="8">
      <t>オヨ</t>
    </rPh>
    <rPh sb="9" eb="11">
      <t>デンキ</t>
    </rPh>
    <rPh sb="11" eb="13">
      <t>ハイセン</t>
    </rPh>
    <rPh sb="17" eb="18">
      <t>トウ</t>
    </rPh>
    <rPh sb="20" eb="22">
      <t>ユカメン</t>
    </rPh>
    <rPh sb="23" eb="25">
      <t>ボウカ</t>
    </rPh>
    <rPh sb="25" eb="27">
      <t>クカク</t>
    </rPh>
    <phoneticPr fontId="15"/>
  </si>
  <si>
    <t>小規模な厨房又はオープンキッチン等、構造上厨房等を区画することが困難な場合で、厨房等を含む最小限の範囲で防火区画したもの</t>
    <rPh sb="0" eb="3">
      <t>ショウキボ</t>
    </rPh>
    <rPh sb="4" eb="6">
      <t>チュウボウ</t>
    </rPh>
    <rPh sb="6" eb="7">
      <t>マタ</t>
    </rPh>
    <rPh sb="16" eb="17">
      <t>トウ</t>
    </rPh>
    <rPh sb="18" eb="20">
      <t>コウゾウ</t>
    </rPh>
    <rPh sb="20" eb="21">
      <t>ジョウ</t>
    </rPh>
    <rPh sb="21" eb="24">
      <t>チュウボウトウ</t>
    </rPh>
    <rPh sb="25" eb="27">
      <t>クカク</t>
    </rPh>
    <rPh sb="32" eb="34">
      <t>コンナン</t>
    </rPh>
    <rPh sb="35" eb="37">
      <t>バアイ</t>
    </rPh>
    <rPh sb="39" eb="42">
      <t>チュウボウトウ</t>
    </rPh>
    <rPh sb="43" eb="44">
      <t>フク</t>
    </rPh>
    <rPh sb="45" eb="48">
      <t>サイショウゲン</t>
    </rPh>
    <rPh sb="49" eb="51">
      <t>ハンイ</t>
    </rPh>
    <rPh sb="52" eb="54">
      <t>ボウカ</t>
    </rPh>
    <rPh sb="54" eb="56">
      <t>クカク</t>
    </rPh>
    <phoneticPr fontId="15"/>
  </si>
  <si>
    <t>電気を熱源とする火気使用設備等のみを使用する湯沸し室等のうち、当該火気使用設備等が発熱部を外部に露出していない構造（ＩＨヒーター）等で、出火のおそれの少ないもの</t>
    <rPh sb="0" eb="2">
      <t>デンキ</t>
    </rPh>
    <rPh sb="3" eb="5">
      <t>ネツゲン</t>
    </rPh>
    <rPh sb="8" eb="10">
      <t>カキ</t>
    </rPh>
    <rPh sb="10" eb="12">
      <t>シヨウ</t>
    </rPh>
    <rPh sb="12" eb="14">
      <t>セツビ</t>
    </rPh>
    <rPh sb="14" eb="15">
      <t>トウ</t>
    </rPh>
    <rPh sb="18" eb="20">
      <t>シヨウ</t>
    </rPh>
    <rPh sb="22" eb="24">
      <t>ユワカ</t>
    </rPh>
    <rPh sb="25" eb="27">
      <t>シツトウ</t>
    </rPh>
    <rPh sb="31" eb="33">
      <t>トウガイ</t>
    </rPh>
    <rPh sb="33" eb="35">
      <t>カキ</t>
    </rPh>
    <rPh sb="35" eb="37">
      <t>シヨウ</t>
    </rPh>
    <rPh sb="37" eb="39">
      <t>セツビ</t>
    </rPh>
    <rPh sb="39" eb="40">
      <t>トウ</t>
    </rPh>
    <rPh sb="41" eb="43">
      <t>ハツネツ</t>
    </rPh>
    <rPh sb="43" eb="44">
      <t>ブ</t>
    </rPh>
    <rPh sb="45" eb="47">
      <t>ガイブ</t>
    </rPh>
    <rPh sb="48" eb="50">
      <t>ロシュツ</t>
    </rPh>
    <rPh sb="55" eb="57">
      <t>コウゾウ</t>
    </rPh>
    <rPh sb="65" eb="66">
      <t>トウ</t>
    </rPh>
    <rPh sb="68" eb="70">
      <t>シュッカ</t>
    </rPh>
    <rPh sb="75" eb="76">
      <t>スク</t>
    </rPh>
    <phoneticPr fontId="15"/>
  </si>
  <si>
    <t>厨房、パントリー、湯沸し室等(以下「厨房等」という。)の火気取扱室は、他の部分と防火区画されていること。　ただし、次に掲げるもので、延焼防止上有効な措置が講じられている場合は、この限りでない。</t>
    <rPh sb="0" eb="2">
      <t>チュウボウ</t>
    </rPh>
    <rPh sb="9" eb="11">
      <t>ユワカ</t>
    </rPh>
    <rPh sb="12" eb="13">
      <t>シツ</t>
    </rPh>
    <rPh sb="13" eb="14">
      <t>トウ</t>
    </rPh>
    <rPh sb="15" eb="17">
      <t>イカ</t>
    </rPh>
    <rPh sb="18" eb="21">
      <t>チュウボウトウ</t>
    </rPh>
    <rPh sb="28" eb="30">
      <t>カキ</t>
    </rPh>
    <rPh sb="30" eb="31">
      <t>ト</t>
    </rPh>
    <rPh sb="31" eb="32">
      <t>アツカ</t>
    </rPh>
    <rPh sb="32" eb="33">
      <t>シツ</t>
    </rPh>
    <rPh sb="35" eb="36">
      <t>タ</t>
    </rPh>
    <rPh sb="37" eb="39">
      <t>ブブン</t>
    </rPh>
    <rPh sb="40" eb="42">
      <t>ボウカ</t>
    </rPh>
    <rPh sb="42" eb="44">
      <t>クカク</t>
    </rPh>
    <rPh sb="57" eb="58">
      <t>ツギ</t>
    </rPh>
    <rPh sb="59" eb="60">
      <t>カカ</t>
    </rPh>
    <rPh sb="66" eb="68">
      <t>エンショウ</t>
    </rPh>
    <rPh sb="68" eb="70">
      <t>ボウシ</t>
    </rPh>
    <rPh sb="70" eb="71">
      <t>ジョウ</t>
    </rPh>
    <rPh sb="71" eb="73">
      <t>ユウコウ</t>
    </rPh>
    <rPh sb="74" eb="76">
      <t>ソチ</t>
    </rPh>
    <rPh sb="77" eb="78">
      <t>コウ</t>
    </rPh>
    <rPh sb="84" eb="86">
      <t>バアイ</t>
    </rPh>
    <phoneticPr fontId="15"/>
  </si>
  <si>
    <t>延焼防止</t>
    <rPh sb="0" eb="1">
      <t>エン</t>
    </rPh>
    <rPh sb="1" eb="2">
      <t>ヤキ</t>
    </rPh>
    <rPh sb="2" eb="3">
      <t>ボウ</t>
    </rPh>
    <rPh sb="3" eb="4">
      <t>ドメ</t>
    </rPh>
    <phoneticPr fontId="15"/>
  </si>
  <si>
    <t>病院・社会福祉施設等に設けるものは、車いす又は担架の利用に支障のない構造であること</t>
    <rPh sb="0" eb="2">
      <t>ビョウイン</t>
    </rPh>
    <rPh sb="3" eb="5">
      <t>シャカイ</t>
    </rPh>
    <rPh sb="5" eb="7">
      <t>フクシ</t>
    </rPh>
    <rPh sb="7" eb="9">
      <t>シセツ</t>
    </rPh>
    <rPh sb="9" eb="10">
      <t>トウ</t>
    </rPh>
    <rPh sb="11" eb="12">
      <t>モウ</t>
    </rPh>
    <rPh sb="18" eb="19">
      <t>クルマ</t>
    </rPh>
    <rPh sb="21" eb="22">
      <t>マタ</t>
    </rPh>
    <rPh sb="23" eb="25">
      <t>タンカ</t>
    </rPh>
    <rPh sb="26" eb="28">
      <t>リヨウ</t>
    </rPh>
    <rPh sb="29" eb="31">
      <t>シショウ</t>
    </rPh>
    <rPh sb="34" eb="36">
      <t>コウゾウ</t>
    </rPh>
    <phoneticPr fontId="15"/>
  </si>
  <si>
    <t>幅員は60㎝以上であること</t>
    <rPh sb="0" eb="2">
      <t>フクイン</t>
    </rPh>
    <rPh sb="6" eb="8">
      <t>イジョウ</t>
    </rPh>
    <phoneticPr fontId="15"/>
  </si>
  <si>
    <t>はしご車が容易に架梯できる位置にある一時避難場所で、火災時に消防隊の到着まで安全に待機できる広さを確保し、かつ、屋内と防火区画したもの（自動消火設備を設けた部分は防火区画の省略可能）</t>
    <rPh sb="68" eb="70">
      <t>ジドウ</t>
    </rPh>
    <rPh sb="70" eb="72">
      <t>ショウカ</t>
    </rPh>
    <rPh sb="72" eb="74">
      <t>セツビ</t>
    </rPh>
    <rPh sb="75" eb="76">
      <t>モウ</t>
    </rPh>
    <rPh sb="78" eb="80">
      <t>ブブン</t>
    </rPh>
    <rPh sb="81" eb="83">
      <t>ボウカ</t>
    </rPh>
    <rPh sb="83" eb="85">
      <t>クカク</t>
    </rPh>
    <rPh sb="86" eb="88">
      <t>ショウリャク</t>
    </rPh>
    <rPh sb="88" eb="90">
      <t>カノウ</t>
    </rPh>
    <phoneticPr fontId="15"/>
  </si>
  <si>
    <t>大規模店舗等で、避難器具の設置された一時避難場所が階段の相反する位置に設けられたもの</t>
    <rPh sb="13" eb="15">
      <t>セッチ</t>
    </rPh>
    <rPh sb="28" eb="30">
      <t>アイハン</t>
    </rPh>
    <phoneticPr fontId="15"/>
  </si>
  <si>
    <t>共住省令を適用しない共同住宅で、全ての住戸にスプリンクラー設備が設けられた階で、バルコニーによる２方向の避難が確保されたもの（令別表第１(16)項対象物は令第８条により区画された共同住宅の部分に限る。）</t>
    <rPh sb="0" eb="2">
      <t>キョウジュウ</t>
    </rPh>
    <rPh sb="2" eb="4">
      <t>ショウレイ</t>
    </rPh>
    <rPh sb="5" eb="7">
      <t>テキヨウ</t>
    </rPh>
    <rPh sb="16" eb="17">
      <t>スベ</t>
    </rPh>
    <rPh sb="32" eb="33">
      <t>モウ</t>
    </rPh>
    <rPh sb="37" eb="38">
      <t>カイ</t>
    </rPh>
    <rPh sb="63" eb="64">
      <t>レイ</t>
    </rPh>
    <rPh sb="64" eb="66">
      <t>ベッピョウ</t>
    </rPh>
    <rPh sb="66" eb="67">
      <t>ダイ</t>
    </rPh>
    <rPh sb="77" eb="78">
      <t>レイ</t>
    </rPh>
    <rPh sb="78" eb="79">
      <t>ダイ</t>
    </rPh>
    <rPh sb="80" eb="81">
      <t>ジョウ</t>
    </rPh>
    <phoneticPr fontId="15"/>
  </si>
  <si>
    <t>共同住宅で、共住省令の規定に適合するもの（２方向避難・開放型特定共同住宅等以外のものは、避難器具により避難できるものに限る。）</t>
    <rPh sb="6" eb="8">
      <t>キョウジュウ</t>
    </rPh>
    <rPh sb="11" eb="13">
      <t>キテイ</t>
    </rPh>
    <phoneticPr fontId="15"/>
  </si>
  <si>
    <t>避難器具を設けたもの</t>
    <phoneticPr fontId="15"/>
  </si>
  <si>
    <t>直接外気に開放されている廊下に接続されたもの</t>
    <rPh sb="0" eb="2">
      <t>チョクセツ</t>
    </rPh>
    <phoneticPr fontId="15"/>
  </si>
  <si>
    <t>１室専用</t>
    <rPh sb="1" eb="2">
      <t>シツ</t>
    </rPh>
    <rPh sb="2" eb="4">
      <t>センヨウ</t>
    </rPh>
    <phoneticPr fontId="15"/>
  </si>
  <si>
    <t>直通階段と相反する位置に避難器具を設け、かつ、屋内と防火区画されたもの</t>
    <phoneticPr fontId="15"/>
  </si>
  <si>
    <t>一端を直接直通階段又は直接外気に開放されている廊下に接続し、かつ、屋内と防火区画されたもの</t>
    <rPh sb="11" eb="13">
      <t>チョクセツ</t>
    </rPh>
    <phoneticPr fontId="15"/>
  </si>
  <si>
    <t>２室以上</t>
    <rPh sb="1" eb="2">
      <t>シツ</t>
    </rPh>
    <rPh sb="2" eb="4">
      <t>イジョウ</t>
    </rPh>
    <phoneticPr fontId="15"/>
  </si>
  <si>
    <t>両端に避難器具を設けたもの</t>
    <rPh sb="0" eb="2">
      <t>リョウタン</t>
    </rPh>
    <rPh sb="3" eb="5">
      <t>ヒナン</t>
    </rPh>
    <rPh sb="5" eb="7">
      <t>キグ</t>
    </rPh>
    <rPh sb="8" eb="9">
      <t>モウ</t>
    </rPh>
    <phoneticPr fontId="15"/>
  </si>
  <si>
    <t>一端を直接直通階段又は直接外気に開放されている廊下に接続し、他の一端に避難器具を設けたもの</t>
    <rPh sb="0" eb="2">
      <t>イッタン</t>
    </rPh>
    <rPh sb="3" eb="5">
      <t>チョクセツ</t>
    </rPh>
    <rPh sb="5" eb="7">
      <t>チョクツウ</t>
    </rPh>
    <rPh sb="7" eb="9">
      <t>カイダン</t>
    </rPh>
    <rPh sb="9" eb="10">
      <t>マタ</t>
    </rPh>
    <rPh sb="11" eb="13">
      <t>チョクセツ</t>
    </rPh>
    <rPh sb="13" eb="14">
      <t>ソト</t>
    </rPh>
    <rPh sb="14" eb="15">
      <t>キ</t>
    </rPh>
    <rPh sb="16" eb="18">
      <t>カイホウ</t>
    </rPh>
    <rPh sb="23" eb="25">
      <t>ロウカ</t>
    </rPh>
    <rPh sb="26" eb="28">
      <t>セツゾク</t>
    </rPh>
    <rPh sb="30" eb="31">
      <t>タ</t>
    </rPh>
    <rPh sb="32" eb="34">
      <t>イッタン</t>
    </rPh>
    <rPh sb="35" eb="37">
      <t>ヒナン</t>
    </rPh>
    <rPh sb="37" eb="39">
      <t>キグ</t>
    </rPh>
    <rPh sb="40" eb="41">
      <t>モウ</t>
    </rPh>
    <phoneticPr fontId="15"/>
  </si>
  <si>
    <t>３室以上</t>
    <rPh sb="1" eb="2">
      <t>シツ</t>
    </rPh>
    <rPh sb="2" eb="4">
      <t>イジョウ</t>
    </rPh>
    <phoneticPr fontId="15"/>
  </si>
  <si>
    <t>一時避難場所（バルコニーにあっては、その両端）は、直接直通階段に接続されていること。ただし、次のいずれかに該当するもので、避難上支障がないものは、この限りでない。</t>
    <rPh sb="46" eb="47">
      <t>ツギ</t>
    </rPh>
    <rPh sb="53" eb="55">
      <t>ガイトウ</t>
    </rPh>
    <rPh sb="61" eb="63">
      <t>ヒナン</t>
    </rPh>
    <rPh sb="63" eb="64">
      <t>ジョウ</t>
    </rPh>
    <rPh sb="64" eb="66">
      <t>シショウ</t>
    </rPh>
    <phoneticPr fontId="15"/>
  </si>
  <si>
    <t>大規模店舗等にあっては、主たる用途に供する階ごとに避難者が滞留するおそれのある位置に一時避難場所が設けられていること</t>
    <rPh sb="0" eb="3">
      <t>ダイキボ</t>
    </rPh>
    <rPh sb="3" eb="6">
      <t>テンポトウ</t>
    </rPh>
    <rPh sb="12" eb="13">
      <t>シュ</t>
    </rPh>
    <rPh sb="15" eb="17">
      <t>ヨウト</t>
    </rPh>
    <rPh sb="18" eb="19">
      <t>キョウ</t>
    </rPh>
    <rPh sb="21" eb="22">
      <t>カイ</t>
    </rPh>
    <rPh sb="25" eb="28">
      <t>ヒナンシャ</t>
    </rPh>
    <rPh sb="29" eb="31">
      <t>タイリュウ</t>
    </rPh>
    <rPh sb="39" eb="41">
      <t>イチ</t>
    </rPh>
    <rPh sb="42" eb="44">
      <t>イチジ</t>
    </rPh>
    <rPh sb="44" eb="46">
      <t>ヒナン</t>
    </rPh>
    <rPh sb="46" eb="48">
      <t>バショ</t>
    </rPh>
    <rPh sb="49" eb="50">
      <t>モウ</t>
    </rPh>
    <phoneticPr fontId="15"/>
  </si>
  <si>
    <t>就寝施設にあっては、就寝の用に供する室(共同住宅にあっては住戸)から直接避難できる位置にバルコニーが設けられていること</t>
    <rPh sb="0" eb="2">
      <t>シュウシン</t>
    </rPh>
    <rPh sb="2" eb="4">
      <t>シセツ</t>
    </rPh>
    <rPh sb="10" eb="12">
      <t>シュウシン</t>
    </rPh>
    <rPh sb="13" eb="14">
      <t>ヨウ</t>
    </rPh>
    <rPh sb="15" eb="16">
      <t>キョウ</t>
    </rPh>
    <rPh sb="18" eb="19">
      <t>シツ</t>
    </rPh>
    <rPh sb="20" eb="22">
      <t>キョウドウ</t>
    </rPh>
    <rPh sb="22" eb="24">
      <t>ジュウタク</t>
    </rPh>
    <rPh sb="29" eb="30">
      <t>ジュウ</t>
    </rPh>
    <rPh sb="30" eb="31">
      <t>ト</t>
    </rPh>
    <rPh sb="34" eb="36">
      <t>チョクセツ</t>
    </rPh>
    <rPh sb="36" eb="38">
      <t>ヒナン</t>
    </rPh>
    <rPh sb="41" eb="43">
      <t>イチ</t>
    </rPh>
    <rPh sb="50" eb="51">
      <t>モウ</t>
    </rPh>
    <phoneticPr fontId="15"/>
  </si>
  <si>
    <t>一時避難場所の設置　　　　　　　　　　　　　　　　　　　　</t>
    <rPh sb="0" eb="1">
      <t>イチ</t>
    </rPh>
    <rPh sb="1" eb="2">
      <t>ジ</t>
    </rPh>
    <rPh sb="2" eb="3">
      <t>サ</t>
    </rPh>
    <rPh sb="3" eb="4">
      <t>ナン</t>
    </rPh>
    <rPh sb="4" eb="5">
      <t>バ</t>
    </rPh>
    <rPh sb="5" eb="6">
      <t>ショ</t>
    </rPh>
    <rPh sb="7" eb="8">
      <t>セツ</t>
    </rPh>
    <rPh sb="8" eb="9">
      <t>オキ</t>
    </rPh>
    <phoneticPr fontId="15"/>
  </si>
  <si>
    <t>避難施設　　　　　　　　　　　　　</t>
    <rPh sb="0" eb="1">
      <t>サ</t>
    </rPh>
    <rPh sb="1" eb="2">
      <t>ナン</t>
    </rPh>
    <rPh sb="2" eb="3">
      <t>シ</t>
    </rPh>
    <rPh sb="3" eb="4">
      <t>セツ</t>
    </rPh>
    <phoneticPr fontId="15"/>
  </si>
  <si>
    <t>配置図・平面図・防火区画図･立面図</t>
    <rPh sb="0" eb="1">
      <t>クバ</t>
    </rPh>
    <rPh sb="1" eb="2">
      <t>オキ</t>
    </rPh>
    <rPh sb="2" eb="3">
      <t>ズ</t>
    </rPh>
    <rPh sb="4" eb="5">
      <t>ヒラ</t>
    </rPh>
    <rPh sb="5" eb="6">
      <t>メン</t>
    </rPh>
    <rPh sb="6" eb="7">
      <t>ズ</t>
    </rPh>
    <rPh sb="8" eb="9">
      <t>ボウ</t>
    </rPh>
    <rPh sb="9" eb="10">
      <t>ヒ</t>
    </rPh>
    <rPh sb="10" eb="11">
      <t>ク</t>
    </rPh>
    <rPh sb="11" eb="12">
      <t>ガ</t>
    </rPh>
    <rPh sb="12" eb="13">
      <t>ズ</t>
    </rPh>
    <rPh sb="14" eb="15">
      <t>タテ</t>
    </rPh>
    <rPh sb="15" eb="16">
      <t>メン</t>
    </rPh>
    <rPh sb="16" eb="17">
      <t>ズ</t>
    </rPh>
    <phoneticPr fontId="15"/>
  </si>
  <si>
    <t>・全館にスプリンクラー設備が設けられていること
・避難経路となる廊下は簡明な配置とし、かつ、廊下の両端部は、減免階段
　又はバルコニー（減免階段に直接接続されているものに限る。）に接続さ
　れていること
・１の階を、減免階段を含む２以上の区域に防火防煙区画し、かつ、区域間
　相互の避難により、安全な避難が行える構造であること
・防火防煙区画は、全階とも水平避難計画上同一の位置に設けられている
　こと
・廊下には、建基令第126条の３に規定する排煙設備（機械排煙に限る。）が
　設けられており、その起動は、当該廊下の煙感知器と連動起動するもので
　手動開放装置が併設されていること
・バルコニー並びに防火防煙区画に用いる防火設備は、車いす又は担架
　の利用に支障のない構造であること</t>
    <rPh sb="25" eb="27">
      <t>ヒナン</t>
    </rPh>
    <rPh sb="27" eb="29">
      <t>ケイロ</t>
    </rPh>
    <rPh sb="56" eb="58">
      <t>カイダン</t>
    </rPh>
    <rPh sb="68" eb="70">
      <t>ゲンメン</t>
    </rPh>
    <rPh sb="70" eb="72">
      <t>カイダン</t>
    </rPh>
    <rPh sb="108" eb="110">
      <t>ゲンメン</t>
    </rPh>
    <rPh sb="110" eb="112">
      <t>カイダン</t>
    </rPh>
    <rPh sb="240" eb="241">
      <t>モウ</t>
    </rPh>
    <rPh sb="250" eb="252">
      <t>キドウ</t>
    </rPh>
    <phoneticPr fontId="15"/>
  </si>
  <si>
    <t>病院・社会福祉施設等</t>
    <rPh sb="0" eb="2">
      <t>ビョウイン</t>
    </rPh>
    <rPh sb="3" eb="5">
      <t>シャカイ</t>
    </rPh>
    <rPh sb="5" eb="7">
      <t>フクシ</t>
    </rPh>
    <rPh sb="7" eb="9">
      <t>シセツ</t>
    </rPh>
    <rPh sb="9" eb="10">
      <t>トウ</t>
    </rPh>
    <phoneticPr fontId="15"/>
  </si>
  <si>
    <t>　</t>
    <phoneticPr fontId="15"/>
  </si>
  <si>
    <t>・全館にスプリンクラー設備が設けられていること
・減免階段が２以上設けられていること
・避難経路となる廊下は簡明な配置とし、かつ、廊下の両端部は、減免階段
　又は避難上有効なバルコニーに接続されていること
・廊下と就寝の用に供する室との間は、防火防煙区画されていること
　（開口部に自動閉鎖装置付のもの又は煙感知器連動の防火設備が設け
　られているものに限る。）
・廊下には建基令第126条の３に規定する排煙設備が設けられており、その
　起動は、当該廊下の煙感知器と連動起動するもので手動開放装置が併
　設されていること</t>
    <phoneticPr fontId="15"/>
  </si>
  <si>
    <t>ホテル</t>
    <phoneticPr fontId="15"/>
  </si>
  <si>
    <t>適切な位置に避難階段を設置し、避難者の滞留等を考慮した避難計画としたもの</t>
    <phoneticPr fontId="15"/>
  </si>
  <si>
    <t>大規模店舗等</t>
    <phoneticPr fontId="15"/>
  </si>
  <si>
    <t>ホテル、共同住宅、病院・社会福祉施設等の就寝施設を有するもの並びに劇場、映画館、集会場、大規模店舗等には、一時避難場所が設けてあること。ただし、次に適合し、かつ、避難上及び消防活動上支障がないものにあっては、この限りでない。</t>
    <rPh sb="4" eb="6">
      <t>キョウドウ</t>
    </rPh>
    <rPh sb="6" eb="8">
      <t>ジュウタク</t>
    </rPh>
    <rPh sb="9" eb="11">
      <t>ビョウイン</t>
    </rPh>
    <rPh sb="12" eb="14">
      <t>シャカイ</t>
    </rPh>
    <rPh sb="14" eb="16">
      <t>フクシ</t>
    </rPh>
    <rPh sb="16" eb="18">
      <t>シセツ</t>
    </rPh>
    <rPh sb="18" eb="19">
      <t>トウ</t>
    </rPh>
    <rPh sb="20" eb="22">
      <t>シュウシン</t>
    </rPh>
    <rPh sb="22" eb="24">
      <t>シセツ</t>
    </rPh>
    <rPh sb="25" eb="26">
      <t>ユウ</t>
    </rPh>
    <rPh sb="30" eb="31">
      <t>ナラ</t>
    </rPh>
    <rPh sb="33" eb="35">
      <t>ゲキジョウ</t>
    </rPh>
    <rPh sb="36" eb="39">
      <t>エイガカン</t>
    </rPh>
    <rPh sb="40" eb="42">
      <t>シュウカイ</t>
    </rPh>
    <rPh sb="42" eb="43">
      <t>バ</t>
    </rPh>
    <rPh sb="44" eb="47">
      <t>ダイキボ</t>
    </rPh>
    <rPh sb="47" eb="49">
      <t>テンポ</t>
    </rPh>
    <rPh sb="49" eb="50">
      <t>トウ</t>
    </rPh>
    <rPh sb="53" eb="55">
      <t>イチジ</t>
    </rPh>
    <rPh sb="55" eb="57">
      <t>ヒナン</t>
    </rPh>
    <rPh sb="57" eb="59">
      <t>バショ</t>
    </rPh>
    <rPh sb="60" eb="61">
      <t>モウ</t>
    </rPh>
    <rPh sb="72" eb="73">
      <t>ツギ</t>
    </rPh>
    <rPh sb="74" eb="76">
      <t>テキゴウ</t>
    </rPh>
    <rPh sb="81" eb="83">
      <t>ヒナン</t>
    </rPh>
    <rPh sb="83" eb="84">
      <t>ジョウ</t>
    </rPh>
    <rPh sb="84" eb="85">
      <t>オヨ</t>
    </rPh>
    <rPh sb="86" eb="88">
      <t>ショウボウ</t>
    </rPh>
    <rPh sb="88" eb="90">
      <t>カツドウ</t>
    </rPh>
    <rPh sb="90" eb="91">
      <t>ジョウ</t>
    </rPh>
    <rPh sb="91" eb="93">
      <t>シショウ</t>
    </rPh>
    <rPh sb="106" eb="107">
      <t>カギ</t>
    </rPh>
    <phoneticPr fontId="15"/>
  </si>
  <si>
    <t>避難器具の必要設置個数以上の特別避難階段、屋外避難階段、告示第７号階段又は告示第７号階段に準ずる階段（以下「減免階段」という。）を設置する計画であること</t>
    <rPh sb="0" eb="2">
      <t>ヒナン</t>
    </rPh>
    <rPh sb="2" eb="4">
      <t>キグ</t>
    </rPh>
    <rPh sb="5" eb="7">
      <t>ヒツヨウ</t>
    </rPh>
    <rPh sb="7" eb="9">
      <t>セッチ</t>
    </rPh>
    <rPh sb="9" eb="11">
      <t>コスウ</t>
    </rPh>
    <rPh sb="11" eb="13">
      <t>イジョウ</t>
    </rPh>
    <rPh sb="14" eb="16">
      <t>トクベツ</t>
    </rPh>
    <rPh sb="16" eb="18">
      <t>ヒナン</t>
    </rPh>
    <rPh sb="18" eb="20">
      <t>カイダン</t>
    </rPh>
    <rPh sb="21" eb="23">
      <t>オクガイ</t>
    </rPh>
    <rPh sb="23" eb="25">
      <t>ヒナン</t>
    </rPh>
    <rPh sb="25" eb="27">
      <t>カイダン</t>
    </rPh>
    <rPh sb="28" eb="30">
      <t>コクジ</t>
    </rPh>
    <rPh sb="30" eb="31">
      <t>ダイ</t>
    </rPh>
    <rPh sb="32" eb="33">
      <t>ゴウ</t>
    </rPh>
    <rPh sb="33" eb="35">
      <t>カイダン</t>
    </rPh>
    <rPh sb="35" eb="36">
      <t>マタ</t>
    </rPh>
    <rPh sb="39" eb="40">
      <t>ダイ</t>
    </rPh>
    <rPh sb="45" eb="46">
      <t>ジュン</t>
    </rPh>
    <rPh sb="48" eb="50">
      <t>カイダン</t>
    </rPh>
    <rPh sb="51" eb="53">
      <t>イカ</t>
    </rPh>
    <rPh sb="65" eb="67">
      <t>セッチ</t>
    </rPh>
    <rPh sb="69" eb="71">
      <t>ケイカク</t>
    </rPh>
    <phoneticPr fontId="15"/>
  </si>
  <si>
    <t>地階に通じる階段(屋外階段を除く。)は避難階において乗り換える構造(地階の階段と地上階の階段を不燃材料で区画し、かつ、階段の出入口を別々に設けるもの)とするか、又は階段室の壁等を着色する等により、避難階である旨が容易に判断できる表示方法とする計画であること</t>
    <rPh sb="44" eb="46">
      <t>カイダン</t>
    </rPh>
    <rPh sb="93" eb="94">
      <t>トウ</t>
    </rPh>
    <rPh sb="121" eb="123">
      <t>ケイカク</t>
    </rPh>
    <phoneticPr fontId="15"/>
  </si>
  <si>
    <t>避難施設の配置・構造</t>
    <rPh sb="0" eb="2">
      <t>ヒナン</t>
    </rPh>
    <rPh sb="2" eb="4">
      <t>シセツ</t>
    </rPh>
    <rPh sb="5" eb="7">
      <t>ハイチ</t>
    </rPh>
    <rPh sb="8" eb="10">
      <t>コウゾウ</t>
    </rPh>
    <phoneticPr fontId="15"/>
  </si>
  <si>
    <t>外壁に設ける給気口は、厨房の排気口等から離れた位置に設ける等、ダクトから火災時に排出された煙が防火対象物内に吸引されることのないように計画されていること</t>
    <rPh sb="0" eb="2">
      <t>ガイヘキ</t>
    </rPh>
    <rPh sb="3" eb="4">
      <t>モウ</t>
    </rPh>
    <rPh sb="6" eb="7">
      <t>キュウ</t>
    </rPh>
    <rPh sb="7" eb="8">
      <t>キ</t>
    </rPh>
    <rPh sb="8" eb="9">
      <t>クチ</t>
    </rPh>
    <rPh sb="11" eb="13">
      <t>チュウボウ</t>
    </rPh>
    <rPh sb="14" eb="16">
      <t>ハイキ</t>
    </rPh>
    <rPh sb="16" eb="17">
      <t>クチ</t>
    </rPh>
    <rPh sb="17" eb="18">
      <t>トウ</t>
    </rPh>
    <rPh sb="20" eb="21">
      <t>ハナ</t>
    </rPh>
    <rPh sb="23" eb="25">
      <t>イチ</t>
    </rPh>
    <rPh sb="26" eb="27">
      <t>モウ</t>
    </rPh>
    <rPh sb="29" eb="30">
      <t>トウ</t>
    </rPh>
    <rPh sb="36" eb="38">
      <t>カサイ</t>
    </rPh>
    <rPh sb="38" eb="39">
      <t>ジ</t>
    </rPh>
    <rPh sb="40" eb="42">
      <t>ハイシュツ</t>
    </rPh>
    <rPh sb="45" eb="46">
      <t>ケムリ</t>
    </rPh>
    <rPh sb="47" eb="49">
      <t>ボウカ</t>
    </rPh>
    <rPh sb="49" eb="52">
      <t>タイショウブツ</t>
    </rPh>
    <rPh sb="52" eb="53">
      <t>ナイ</t>
    </rPh>
    <rPh sb="54" eb="56">
      <t>キュウイン</t>
    </rPh>
    <rPh sb="67" eb="69">
      <t>ケイカク</t>
    </rPh>
    <phoneticPr fontId="15"/>
  </si>
  <si>
    <t>他の室へダクトがつながる方式のものは、自動火災報知設備の作動と連動して停止する構造で計画されていること</t>
    <rPh sb="0" eb="1">
      <t>タ</t>
    </rPh>
    <rPh sb="2" eb="3">
      <t>シツ</t>
    </rPh>
    <rPh sb="12" eb="14">
      <t>ホウシキ</t>
    </rPh>
    <rPh sb="19" eb="21">
      <t>ジドウ</t>
    </rPh>
    <rPh sb="21" eb="23">
      <t>カサイ</t>
    </rPh>
    <rPh sb="23" eb="25">
      <t>ホウチ</t>
    </rPh>
    <rPh sb="25" eb="27">
      <t>セツビ</t>
    </rPh>
    <rPh sb="28" eb="30">
      <t>サドウ</t>
    </rPh>
    <rPh sb="31" eb="33">
      <t>レンドウ</t>
    </rPh>
    <rPh sb="35" eb="37">
      <t>テイシ</t>
    </rPh>
    <rPh sb="39" eb="41">
      <t>コウゾウ</t>
    </rPh>
    <rPh sb="42" eb="44">
      <t>ケイカク</t>
    </rPh>
    <phoneticPr fontId="15"/>
  </si>
  <si>
    <t>空調設備</t>
    <rPh sb="0" eb="2">
      <t>クウチョウ</t>
    </rPh>
    <rPh sb="2" eb="4">
      <t>セツビ</t>
    </rPh>
    <phoneticPr fontId="15"/>
  </si>
  <si>
    <t>機械設備</t>
    <rPh sb="0" eb="2">
      <t>キカイ</t>
    </rPh>
    <rPh sb="2" eb="4">
      <t>セツビ</t>
    </rPh>
    <phoneticPr fontId="15"/>
  </si>
  <si>
    <t>確認</t>
    <rPh sb="0" eb="2">
      <t>カクニン</t>
    </rPh>
    <phoneticPr fontId="15"/>
  </si>
  <si>
    <t>設置場所に応じた種別（認定品等）の記載があること</t>
    <rPh sb="0" eb="2">
      <t>セッチ</t>
    </rPh>
    <rPh sb="2" eb="4">
      <t>バショ</t>
    </rPh>
    <rPh sb="5" eb="6">
      <t>オウ</t>
    </rPh>
    <rPh sb="8" eb="10">
      <t>シュベツ</t>
    </rPh>
    <rPh sb="11" eb="13">
      <t>ニンテイ</t>
    </rPh>
    <rPh sb="13" eb="14">
      <t>ヒン</t>
    </rPh>
    <rPh sb="14" eb="15">
      <t>トウ</t>
    </rPh>
    <rPh sb="17" eb="19">
      <t>キサイ</t>
    </rPh>
    <phoneticPr fontId="15"/>
  </si>
  <si>
    <t>―</t>
    <phoneticPr fontId="15"/>
  </si>
  <si>
    <t>対象負荷種別が適正であり、かつ、対象負荷に応じた必要運転時間が確保されていること</t>
    <rPh sb="0" eb="2">
      <t>タイショウ</t>
    </rPh>
    <rPh sb="2" eb="4">
      <t>フカ</t>
    </rPh>
    <rPh sb="4" eb="6">
      <t>シュベツ</t>
    </rPh>
    <rPh sb="7" eb="9">
      <t>テキセイ</t>
    </rPh>
    <rPh sb="16" eb="18">
      <t>タイショウ</t>
    </rPh>
    <rPh sb="18" eb="20">
      <t>フカ</t>
    </rPh>
    <rPh sb="21" eb="22">
      <t>オウ</t>
    </rPh>
    <rPh sb="24" eb="26">
      <t>ヒツヨウ</t>
    </rPh>
    <rPh sb="26" eb="28">
      <t>ウンテン</t>
    </rPh>
    <rPh sb="28" eb="30">
      <t>ジカン</t>
    </rPh>
    <rPh sb="31" eb="33">
      <t>カクホ</t>
    </rPh>
    <phoneticPr fontId="15"/>
  </si>
  <si>
    <t>非常電源</t>
    <rPh sb="0" eb="2">
      <t>ヒジョウ</t>
    </rPh>
    <rPh sb="2" eb="4">
      <t>デンゲン</t>
    </rPh>
    <phoneticPr fontId="15"/>
  </si>
  <si>
    <t>×</t>
    <phoneticPr fontId="15"/>
  </si>
  <si>
    <t>危険物の規制の適用判定ができるように、燃料種別、貯蔵量、取扱量（１日）が記載されていること</t>
    <rPh sb="0" eb="3">
      <t>キケンブツ</t>
    </rPh>
    <rPh sb="4" eb="6">
      <t>キセイ</t>
    </rPh>
    <rPh sb="7" eb="9">
      <t>テキヨウ</t>
    </rPh>
    <rPh sb="9" eb="11">
      <t>ハンテイ</t>
    </rPh>
    <rPh sb="19" eb="21">
      <t>ネンリョウ</t>
    </rPh>
    <rPh sb="21" eb="23">
      <t>シュベツ</t>
    </rPh>
    <rPh sb="24" eb="26">
      <t>チョゾウ</t>
    </rPh>
    <rPh sb="26" eb="27">
      <t>リョウ</t>
    </rPh>
    <rPh sb="28" eb="30">
      <t>トリアツカイ</t>
    </rPh>
    <rPh sb="30" eb="31">
      <t>リョウ</t>
    </rPh>
    <rPh sb="33" eb="34">
      <t>ヒ</t>
    </rPh>
    <rPh sb="36" eb="38">
      <t>キサイ</t>
    </rPh>
    <phoneticPr fontId="15"/>
  </si>
  <si>
    <t>○</t>
    <phoneticPr fontId="15"/>
  </si>
  <si>
    <t>水噴霧消火設備等の設置の要否判定ができるように、設備容量、設置場所が記載されていること</t>
    <rPh sb="0" eb="1">
      <t>ミズ</t>
    </rPh>
    <rPh sb="1" eb="3">
      <t>フンム</t>
    </rPh>
    <rPh sb="3" eb="5">
      <t>ショウカ</t>
    </rPh>
    <rPh sb="5" eb="7">
      <t>セツビ</t>
    </rPh>
    <rPh sb="7" eb="8">
      <t>トウ</t>
    </rPh>
    <rPh sb="9" eb="11">
      <t>セッチ</t>
    </rPh>
    <rPh sb="12" eb="14">
      <t>ヨウヒ</t>
    </rPh>
    <rPh sb="14" eb="16">
      <t>ハンテイ</t>
    </rPh>
    <rPh sb="24" eb="26">
      <t>セツビ</t>
    </rPh>
    <rPh sb="26" eb="28">
      <t>ヨウリョウ</t>
    </rPh>
    <rPh sb="29" eb="31">
      <t>セッチ</t>
    </rPh>
    <rPh sb="31" eb="33">
      <t>バショ</t>
    </rPh>
    <rPh sb="34" eb="36">
      <t>キサイ</t>
    </rPh>
    <phoneticPr fontId="15"/>
  </si>
  <si>
    <t>電気・火気設備等</t>
    <rPh sb="0" eb="2">
      <t>デンキ</t>
    </rPh>
    <rPh sb="3" eb="5">
      <t>カキ</t>
    </rPh>
    <rPh sb="5" eb="7">
      <t>セツビ</t>
    </rPh>
    <rPh sb="7" eb="8">
      <t>トウ</t>
    </rPh>
    <phoneticPr fontId="15"/>
  </si>
  <si>
    <t>電気設備等</t>
    <rPh sb="0" eb="2">
      <t>デンキ</t>
    </rPh>
    <rPh sb="2" eb="4">
      <t>セツビ</t>
    </rPh>
    <rPh sb="4" eb="5">
      <t>トウ</t>
    </rPh>
    <phoneticPr fontId="15"/>
  </si>
  <si>
    <t>設備計画概要</t>
    <rPh sb="0" eb="2">
      <t>セツビ</t>
    </rPh>
    <rPh sb="2" eb="4">
      <t>ケイカク</t>
    </rPh>
    <rPh sb="4" eb="6">
      <t>ガイヨウ</t>
    </rPh>
    <phoneticPr fontId="15"/>
  </si>
  <si>
    <t>適・否</t>
    <rPh sb="0" eb="1">
      <t>テキ</t>
    </rPh>
    <rPh sb="2" eb="3">
      <t>イナ</t>
    </rPh>
    <phoneticPr fontId="15"/>
  </si>
  <si>
    <t>項　　　　　　目</t>
    <rPh sb="0" eb="1">
      <t>コウ</t>
    </rPh>
    <rPh sb="7" eb="8">
      <t>メ</t>
    </rPh>
    <phoneticPr fontId="15"/>
  </si>
  <si>
    <t>防災計画書（案）　審査表</t>
    <rPh sb="0" eb="2">
      <t>ボウサイ</t>
    </rPh>
    <rPh sb="2" eb="4">
      <t>ケイカク</t>
    </rPh>
    <rPh sb="4" eb="5">
      <t>ショ</t>
    </rPh>
    <rPh sb="6" eb="7">
      <t>アン</t>
    </rPh>
    <rPh sb="9" eb="11">
      <t>シンサ</t>
    </rPh>
    <rPh sb="11" eb="12">
      <t>ヒョウ</t>
    </rPh>
    <phoneticPr fontId="15"/>
  </si>
  <si>
    <t>※　上記設備機器以外の設備機器を明示した場合でも審査上支障はありません</t>
    <rPh sb="2" eb="4">
      <t>ジョウキ</t>
    </rPh>
    <rPh sb="4" eb="6">
      <t>セツビ</t>
    </rPh>
    <rPh sb="6" eb="8">
      <t>キキ</t>
    </rPh>
    <rPh sb="8" eb="10">
      <t>イガイ</t>
    </rPh>
    <rPh sb="11" eb="13">
      <t>セツビ</t>
    </rPh>
    <rPh sb="13" eb="15">
      <t>キキ</t>
    </rPh>
    <rPh sb="16" eb="18">
      <t>メイジ</t>
    </rPh>
    <rPh sb="20" eb="22">
      <t>バアイ</t>
    </rPh>
    <rPh sb="24" eb="26">
      <t>シンサ</t>
    </rPh>
    <rPh sb="26" eb="27">
      <t>ウエ</t>
    </rPh>
    <rPh sb="27" eb="29">
      <t>シショウ</t>
    </rPh>
    <phoneticPr fontId="15"/>
  </si>
  <si>
    <t>※　「ヘッド設置範囲の明示」とは当該設備のヘッドにて包含対象とする範囲を色分けする等し、設置範囲を示したもの</t>
    <rPh sb="6" eb="8">
      <t>セッチ</t>
    </rPh>
    <rPh sb="8" eb="10">
      <t>ハンイ</t>
    </rPh>
    <rPh sb="11" eb="13">
      <t>メイジ</t>
    </rPh>
    <rPh sb="16" eb="18">
      <t>トウガイ</t>
    </rPh>
    <rPh sb="18" eb="20">
      <t>セツビ</t>
    </rPh>
    <rPh sb="26" eb="28">
      <t>ホウガン</t>
    </rPh>
    <rPh sb="28" eb="30">
      <t>タイショウ</t>
    </rPh>
    <rPh sb="33" eb="35">
      <t>ハンイ</t>
    </rPh>
    <rPh sb="36" eb="38">
      <t>イロワ</t>
    </rPh>
    <rPh sb="41" eb="42">
      <t>ナド</t>
    </rPh>
    <rPh sb="44" eb="46">
      <t>セッチ</t>
    </rPh>
    <rPh sb="46" eb="48">
      <t>ハンイ</t>
    </rPh>
    <rPh sb="49" eb="50">
      <t>シメ</t>
    </rPh>
    <phoneticPr fontId="15"/>
  </si>
  <si>
    <t>総合操作盤</t>
  </si>
  <si>
    <t>その他</t>
  </si>
  <si>
    <t>コンセント保護箱</t>
  </si>
  <si>
    <t>共同住宅用非常コンセント設備</t>
    <phoneticPr fontId="15"/>
  </si>
  <si>
    <t>送水口、放水口、放水用器具格納箱、ブースターポンプ及び中間水槽室(ブースターポンプを設置するものに限る)</t>
    <phoneticPr fontId="15"/>
  </si>
  <si>
    <t>共同住宅用連結送水管</t>
  </si>
  <si>
    <t>端子保護箱、漏洩同軸ケーブル又は空中線の設置範囲の表示</t>
    <rPh sb="14" eb="15">
      <t>マタ</t>
    </rPh>
    <rPh sb="20" eb="22">
      <t>セッチ</t>
    </rPh>
    <rPh sb="22" eb="24">
      <t>ハンイ</t>
    </rPh>
    <rPh sb="25" eb="27">
      <t>ヒョウジ</t>
    </rPh>
    <phoneticPr fontId="15"/>
  </si>
  <si>
    <t>無線通信補助設備</t>
  </si>
  <si>
    <t>非常コンセント設備</t>
  </si>
  <si>
    <t>連結送水管</t>
    <rPh sb="0" eb="2">
      <t>レンケツ</t>
    </rPh>
    <rPh sb="2" eb="4">
      <t>ソウスイ</t>
    </rPh>
    <rPh sb="4" eb="5">
      <t>クダ</t>
    </rPh>
    <phoneticPr fontId="15"/>
  </si>
  <si>
    <t>送水口、ポンプ室（ポンプを設置するものに限る）、送水区域の明示、散水ヘッド設置範囲の表示</t>
    <rPh sb="0" eb="2">
      <t>ソウスイ</t>
    </rPh>
    <rPh sb="2" eb="3">
      <t>コウ</t>
    </rPh>
    <rPh sb="7" eb="8">
      <t>シツ</t>
    </rPh>
    <rPh sb="13" eb="15">
      <t>セッチ</t>
    </rPh>
    <rPh sb="20" eb="21">
      <t>カギ</t>
    </rPh>
    <rPh sb="24" eb="26">
      <t>ソウスイ</t>
    </rPh>
    <rPh sb="26" eb="28">
      <t>クイキ</t>
    </rPh>
    <rPh sb="29" eb="31">
      <t>メイジ</t>
    </rPh>
    <rPh sb="32" eb="34">
      <t>サンスイ</t>
    </rPh>
    <rPh sb="37" eb="39">
      <t>セッチ</t>
    </rPh>
    <rPh sb="39" eb="41">
      <t>ハンイ</t>
    </rPh>
    <rPh sb="42" eb="44">
      <t>ヒョウジ</t>
    </rPh>
    <phoneticPr fontId="15"/>
  </si>
  <si>
    <t>連結散水設備</t>
    <rPh sb="0" eb="2">
      <t>レンケツ</t>
    </rPh>
    <rPh sb="2" eb="4">
      <t>サンスイ</t>
    </rPh>
    <rPh sb="4" eb="6">
      <t>セツビ</t>
    </rPh>
    <phoneticPr fontId="15"/>
  </si>
  <si>
    <t>排煙機、排煙口及びダクト</t>
    <rPh sb="0" eb="2">
      <t>ハイエン</t>
    </rPh>
    <rPh sb="2" eb="3">
      <t>キ</t>
    </rPh>
    <rPh sb="4" eb="6">
      <t>ハイエン</t>
    </rPh>
    <rPh sb="6" eb="7">
      <t>コウ</t>
    </rPh>
    <rPh sb="7" eb="8">
      <t>オヨ</t>
    </rPh>
    <phoneticPr fontId="15"/>
  </si>
  <si>
    <t>排煙設備(消防排煙に限る)</t>
    <rPh sb="0" eb="2">
      <t>ハイエン</t>
    </rPh>
    <rPh sb="2" eb="4">
      <t>セツビ</t>
    </rPh>
    <rPh sb="5" eb="7">
      <t>ショウボウ</t>
    </rPh>
    <rPh sb="7" eb="9">
      <t>ハイエン</t>
    </rPh>
    <rPh sb="10" eb="11">
      <t>カギ</t>
    </rPh>
    <phoneticPr fontId="15"/>
  </si>
  <si>
    <t>水源、採水口（吸管投入口）、ポンプ室（ポンプを設置するものに限る）</t>
    <rPh sb="0" eb="2">
      <t>スイゲン</t>
    </rPh>
    <rPh sb="3" eb="5">
      <t>サイスイ</t>
    </rPh>
    <rPh sb="5" eb="6">
      <t>コウ</t>
    </rPh>
    <rPh sb="7" eb="8">
      <t>キュウ</t>
    </rPh>
    <rPh sb="8" eb="9">
      <t>カン</t>
    </rPh>
    <rPh sb="9" eb="11">
      <t>トウニュウ</t>
    </rPh>
    <rPh sb="11" eb="12">
      <t>コウ</t>
    </rPh>
    <rPh sb="17" eb="18">
      <t>シツ</t>
    </rPh>
    <rPh sb="23" eb="25">
      <t>セッチ</t>
    </rPh>
    <rPh sb="30" eb="31">
      <t>カギ</t>
    </rPh>
    <phoneticPr fontId="15"/>
  </si>
  <si>
    <t>消防用水</t>
    <rPh sb="0" eb="2">
      <t>ショウボウ</t>
    </rPh>
    <rPh sb="2" eb="4">
      <t>ヨウスイ</t>
    </rPh>
    <phoneticPr fontId="15"/>
  </si>
  <si>
    <t>消防用水及び消火活動上必要な施設</t>
    <phoneticPr fontId="15"/>
  </si>
  <si>
    <t>点滅誘導音等の信号装置</t>
    <phoneticPr fontId="15"/>
  </si>
  <si>
    <t>誘導灯</t>
  </si>
  <si>
    <t>設置位置を明示(避難器具用ハッチを設ける場合はハッチ位置を図示)</t>
    <phoneticPr fontId="15"/>
  </si>
  <si>
    <t>避難器具</t>
  </si>
  <si>
    <t>避難設備</t>
  </si>
  <si>
    <t>一体型(格納箱)、操作部</t>
  </si>
  <si>
    <t>共同住宅用非常警報設備</t>
  </si>
  <si>
    <t>受信機</t>
    <phoneticPr fontId="15"/>
  </si>
  <si>
    <t>住戸用自動火災報知設備</t>
  </si>
  <si>
    <t>住棟受信機、Ｐ型３級受信機</t>
    <phoneticPr fontId="15"/>
  </si>
  <si>
    <t>共同住宅用自動火災報知設備</t>
    <phoneticPr fontId="15"/>
  </si>
  <si>
    <t>複合型(格納箱)又は一体型(格納箱)、操作部</t>
  </si>
  <si>
    <t>非常ベル</t>
  </si>
  <si>
    <t>増幅器(アンプ)、遠隔操作器(リモート)、起動装置(非常電話)</t>
  </si>
  <si>
    <t>放送設備</t>
    <phoneticPr fontId="15"/>
  </si>
  <si>
    <t>火災通報装置、遠隔起動装置</t>
  </si>
  <si>
    <t>消防機関へ通報する火災報知設備</t>
    <phoneticPr fontId="15"/>
  </si>
  <si>
    <t>受信機</t>
  </si>
  <si>
    <t>漏電火災警報器</t>
  </si>
  <si>
    <t>受信機、検知器</t>
  </si>
  <si>
    <t>受信機、発信機(総合盤)</t>
    <phoneticPr fontId="15"/>
  </si>
  <si>
    <t>自動火災報知設備</t>
  </si>
  <si>
    <t>警報設備</t>
  </si>
  <si>
    <t>水源水槽、ポンプ室、制御弁(アラーム弁)、表示装置(住棟受信機)、送水口、ヘッド設置範囲の明示</t>
    <rPh sb="40" eb="42">
      <t>セッチ</t>
    </rPh>
    <rPh sb="42" eb="44">
      <t>ハンイ</t>
    </rPh>
    <rPh sb="45" eb="47">
      <t>メイジ</t>
    </rPh>
    <phoneticPr fontId="15"/>
  </si>
  <si>
    <t>共同住宅用スプリンクラー設備</t>
  </si>
  <si>
    <t>本体ユニット(格納箱)、放出口設置範囲の明示</t>
    <rPh sb="15" eb="17">
      <t>セッチ</t>
    </rPh>
    <rPh sb="17" eb="19">
      <t>ハンイ</t>
    </rPh>
    <rPh sb="20" eb="22">
      <t>メイジ</t>
    </rPh>
    <phoneticPr fontId="15"/>
  </si>
  <si>
    <t>パッケージ型自動消火設備</t>
    <phoneticPr fontId="15"/>
  </si>
  <si>
    <t>格納箱</t>
    <phoneticPr fontId="15"/>
  </si>
  <si>
    <t>パッケージ型消火設備</t>
  </si>
  <si>
    <t>水源水槽、ポンプ常置場所の明示</t>
  </si>
  <si>
    <t>動力消防ポンプ設備</t>
  </si>
  <si>
    <t>水源水槽、ポンプ室、屋外消火栓、放水器具格納箱</t>
  </si>
  <si>
    <t>屋外消火栓設備</t>
  </si>
  <si>
    <t>移動式消火設備</t>
    <phoneticPr fontId="15"/>
  </si>
  <si>
    <t>水噴霧消火設備等(移動式)</t>
    <phoneticPr fontId="15"/>
  </si>
  <si>
    <t>ボンベ室、防護区画位置の明示</t>
    <rPh sb="9" eb="11">
      <t>イチ</t>
    </rPh>
    <rPh sb="12" eb="14">
      <t>メイジ</t>
    </rPh>
    <phoneticPr fontId="15"/>
  </si>
  <si>
    <t>水噴霧消火設備等(ガス系)</t>
    <phoneticPr fontId="15"/>
  </si>
  <si>
    <t>水源水槽、ポンプ室、制御弁(アラーム弁)、ヘッド設置範囲の明示</t>
    <rPh sb="24" eb="26">
      <t>セッチ</t>
    </rPh>
    <rPh sb="26" eb="28">
      <t>ハンイ</t>
    </rPh>
    <rPh sb="29" eb="31">
      <t>メイジ</t>
    </rPh>
    <phoneticPr fontId="15"/>
  </si>
  <si>
    <t>水噴霧消火設備等
　　　　　　　(水噴霧、泡)</t>
    <phoneticPr fontId="15"/>
  </si>
  <si>
    <t>水源水槽、ポンプ室、制御弁(アラーム弁)、補助散水栓、送水口、ヘッド設置範囲の明示</t>
    <rPh sb="34" eb="36">
      <t>セッチ</t>
    </rPh>
    <rPh sb="36" eb="38">
      <t>ハンイ</t>
    </rPh>
    <rPh sb="39" eb="41">
      <t>メイジ</t>
    </rPh>
    <phoneticPr fontId="15"/>
  </si>
  <si>
    <t>屋内消火栓設備</t>
  </si>
  <si>
    <t>消火設備</t>
    <rPh sb="0" eb="2">
      <t>ショウカ</t>
    </rPh>
    <rPh sb="2" eb="4">
      <t>セツビ</t>
    </rPh>
    <phoneticPr fontId="15"/>
  </si>
  <si>
    <t>主たる設備機器</t>
    <rPh sb="0" eb="1">
      <t>シュ</t>
    </rPh>
    <rPh sb="3" eb="5">
      <t>セツビ</t>
    </rPh>
    <rPh sb="5" eb="7">
      <t>キキ</t>
    </rPh>
    <phoneticPr fontId="15"/>
  </si>
  <si>
    <t>消防用設備等の種別</t>
  </si>
  <si>
    <t>設備区分</t>
  </si>
  <si>
    <t>に示すものを平面図に明示したものとすることができる</t>
    <rPh sb="1" eb="2">
      <t>シメ</t>
    </rPh>
    <rPh sb="6" eb="9">
      <t>ヘイメンズ</t>
    </rPh>
    <rPh sb="10" eb="12">
      <t>メイジ</t>
    </rPh>
    <phoneticPr fontId="15"/>
  </si>
  <si>
    <t>　防災計画書に添付する消防用設備等の図面については、各設備の系統図の他、主たる設備機器として下表</t>
    <rPh sb="1" eb="3">
      <t>ボウサイ</t>
    </rPh>
    <rPh sb="3" eb="6">
      <t>ケイカクショ</t>
    </rPh>
    <rPh sb="7" eb="9">
      <t>テンプ</t>
    </rPh>
    <rPh sb="11" eb="14">
      <t>ショウボウヨウ</t>
    </rPh>
    <rPh sb="14" eb="17">
      <t>セツビトウ</t>
    </rPh>
    <rPh sb="18" eb="20">
      <t>ズメン</t>
    </rPh>
    <rPh sb="26" eb="29">
      <t>カクセツビ</t>
    </rPh>
    <rPh sb="30" eb="33">
      <t>ケイトウズ</t>
    </rPh>
    <rPh sb="34" eb="35">
      <t>ホカ</t>
    </rPh>
    <rPh sb="36" eb="37">
      <t>シュ</t>
    </rPh>
    <rPh sb="39" eb="41">
      <t>セツビ</t>
    </rPh>
    <rPh sb="41" eb="43">
      <t>キキ</t>
    </rPh>
    <rPh sb="46" eb="48">
      <t>カヒョウ</t>
    </rPh>
    <phoneticPr fontId="15"/>
  </si>
  <si>
    <t>　　　　　　予防部消防設備指導担当</t>
    <rPh sb="6" eb="8">
      <t>ヨボウ</t>
    </rPh>
    <rPh sb="8" eb="9">
      <t>ブ</t>
    </rPh>
    <rPh sb="9" eb="11">
      <t>ショウボウ</t>
    </rPh>
    <rPh sb="11" eb="13">
      <t>セツビ</t>
    </rPh>
    <rPh sb="13" eb="15">
      <t>シドウ</t>
    </rPh>
    <rPh sb="15" eb="17">
      <t>タントウ</t>
    </rPh>
    <phoneticPr fontId="15"/>
  </si>
  <si>
    <t>　　　　　　大阪市消防局　</t>
    <rPh sb="6" eb="9">
      <t>オオサカシ</t>
    </rPh>
    <rPh sb="9" eb="11">
      <t>ショウボウ</t>
    </rPh>
    <rPh sb="11" eb="12">
      <t>キョク</t>
    </rPh>
    <phoneticPr fontId="15"/>
  </si>
  <si>
    <t>防災計画書に添付する消防用設備等の図面について</t>
    <rPh sb="0" eb="2">
      <t>ボウサイ</t>
    </rPh>
    <rPh sb="2" eb="4">
      <t>ケイカク</t>
    </rPh>
    <rPh sb="10" eb="13">
      <t>ショウボウヨウ</t>
    </rPh>
    <rPh sb="13" eb="16">
      <t>セツビトウ</t>
    </rPh>
    <rPh sb="17" eb="19">
      <t>ズメン</t>
    </rPh>
    <phoneticPr fontId="15"/>
  </si>
  <si>
    <t>設備計画概要</t>
    <phoneticPr fontId="1"/>
  </si>
  <si>
    <t>配置図</t>
    <rPh sb="0" eb="2">
      <t>ハイチ</t>
    </rPh>
    <rPh sb="2" eb="3">
      <t>ズ</t>
    </rPh>
    <phoneticPr fontId="1"/>
  </si>
  <si>
    <t xml:space="preserve">内部仕上表 </t>
    <rPh sb="0" eb="2">
      <t>ナイブ</t>
    </rPh>
    <rPh sb="2" eb="4">
      <t>シア</t>
    </rPh>
    <rPh sb="4" eb="5">
      <t>ヒョウ</t>
    </rPh>
    <phoneticPr fontId="1"/>
  </si>
  <si>
    <t>確認事項</t>
    <rPh sb="0" eb="2">
      <t>カクニン</t>
    </rPh>
    <rPh sb="2" eb="4">
      <t>ジコウ</t>
    </rPh>
    <phoneticPr fontId="1"/>
  </si>
  <si>
    <t>水源水槽、ポンプ室、屋内消火栓</t>
    <phoneticPr fontId="1"/>
  </si>
  <si>
    <t>　　廊下の先端のはり及び垂れ壁等の立下り寸法</t>
    <phoneticPr fontId="1"/>
  </si>
  <si>
    <t>　　煙降下検証の算定対象範囲、対象寸法及び計算書</t>
    <phoneticPr fontId="1"/>
  </si>
  <si>
    <t>消防用設備等
設備図面</t>
    <rPh sb="0" eb="3">
      <t>ショウボウヨウ</t>
    </rPh>
    <rPh sb="3" eb="6">
      <t>セツビトウ</t>
    </rPh>
    <rPh sb="7" eb="9">
      <t>セツビ</t>
    </rPh>
    <rPh sb="9" eb="10">
      <t>ズ</t>
    </rPh>
    <rPh sb="10" eb="11">
      <t>メン</t>
    </rPh>
    <phoneticPr fontId="1"/>
  </si>
  <si>
    <t>内装計画</t>
    <rPh sb="0" eb="4">
      <t>ナイソウケイカク</t>
    </rPh>
    <phoneticPr fontId="1"/>
  </si>
  <si>
    <t>立面図
断面図</t>
    <rPh sb="4" eb="7">
      <t>ダンメンズ</t>
    </rPh>
    <phoneticPr fontId="1"/>
  </si>
  <si>
    <t xml:space="preserve">防火区画図
（平面図） </t>
    <rPh sb="0" eb="2">
      <t>ボウカ</t>
    </rPh>
    <rPh sb="2" eb="4">
      <t>クカク</t>
    </rPh>
    <rPh sb="4" eb="5">
      <t>ズ</t>
    </rPh>
    <rPh sb="7" eb="10">
      <t>ヘイメンズ</t>
    </rPh>
    <phoneticPr fontId="1"/>
  </si>
  <si>
    <t>・連絡先は、届出者又は防災計画の内容に関して対応できる方を記載してください。</t>
    <rPh sb="6" eb="9">
      <t>トドケデシャ</t>
    </rPh>
    <rPh sb="9" eb="10">
      <t>マタ</t>
    </rPh>
    <rPh sb="11" eb="13">
      <t>ボウサイ</t>
    </rPh>
    <rPh sb="13" eb="15">
      <t>ケイカク</t>
    </rPh>
    <rPh sb="16" eb="18">
      <t>ナイヨウ</t>
    </rPh>
    <rPh sb="19" eb="20">
      <t>カン</t>
    </rPh>
    <rPh sb="22" eb="24">
      <t>タイオウ</t>
    </rPh>
    <rPh sb="27" eb="28">
      <t>カタ</t>
    </rPh>
    <rPh sb="29" eb="31">
      <t>キサイ</t>
    </rPh>
    <phoneticPr fontId="1"/>
  </si>
  <si>
    <t>t</t>
    <phoneticPr fontId="1"/>
  </si>
  <si>
    <t>　　電気設備の設備容量、設置場所</t>
    <rPh sb="2" eb="4">
      <t>デンキ</t>
    </rPh>
    <rPh sb="4" eb="6">
      <t>セツビ</t>
    </rPh>
    <rPh sb="7" eb="9">
      <t>セツビ</t>
    </rPh>
    <rPh sb="9" eb="11">
      <t>ヨウリョウ</t>
    </rPh>
    <rPh sb="12" eb="14">
      <t>セッチ</t>
    </rPh>
    <rPh sb="14" eb="16">
      <t>バショ</t>
    </rPh>
    <phoneticPr fontId="1"/>
  </si>
  <si>
    <t>　　自家発電設備の燃料種別、貯蔵量、取扱量(1日)、運転可能時間</t>
    <rPh sb="2" eb="4">
      <t>ジカ</t>
    </rPh>
    <rPh sb="4" eb="6">
      <t>ハツデン</t>
    </rPh>
    <rPh sb="6" eb="8">
      <t>セツビ</t>
    </rPh>
    <phoneticPr fontId="1"/>
  </si>
  <si>
    <t>　　非常電源の種別、対象負荷消防用設備等、非常電源の認定品等の詳細</t>
    <rPh sb="10" eb="12">
      <t>タイショウ</t>
    </rPh>
    <rPh sb="12" eb="14">
      <t>フカ</t>
    </rPh>
    <rPh sb="14" eb="17">
      <t>ショウボウヨウ</t>
    </rPh>
    <rPh sb="17" eb="19">
      <t>セツビ</t>
    </rPh>
    <rPh sb="19" eb="20">
      <t>トウ</t>
    </rPh>
    <phoneticPr fontId="1"/>
  </si>
  <si>
    <t>　　火気使用設備等の最大消費量、設置場所</t>
    <rPh sb="2" eb="4">
      <t>カキ</t>
    </rPh>
    <rPh sb="4" eb="6">
      <t>シヨウ</t>
    </rPh>
    <rPh sb="8" eb="9">
      <t>トウ</t>
    </rPh>
    <rPh sb="10" eb="12">
      <t>サイダイ</t>
    </rPh>
    <rPh sb="12" eb="15">
      <t>ショウヒリョウ</t>
    </rPh>
    <phoneticPr fontId="1"/>
  </si>
  <si>
    <t>　　空調設備の自動火災報知設備連動停止</t>
    <rPh sb="2" eb="4">
      <t>クウチョウ</t>
    </rPh>
    <rPh sb="4" eb="6">
      <t>セツビ</t>
    </rPh>
    <rPh sb="7" eb="9">
      <t>ジドウ</t>
    </rPh>
    <rPh sb="9" eb="11">
      <t>カサイ</t>
    </rPh>
    <rPh sb="11" eb="13">
      <t>ホウチ</t>
    </rPh>
    <rPh sb="13" eb="15">
      <t>セツビ</t>
    </rPh>
    <rPh sb="15" eb="17">
      <t>レンドウ</t>
    </rPh>
    <rPh sb="17" eb="19">
      <t>テイシ</t>
    </rPh>
    <phoneticPr fontId="1"/>
  </si>
  <si>
    <t>　　はしご車活動位置、大きさ、段差、勾配、建物までの距離</t>
    <rPh sb="5" eb="6">
      <t>シャ</t>
    </rPh>
    <rPh sb="6" eb="8">
      <t>カツドウ</t>
    </rPh>
    <rPh sb="8" eb="10">
      <t>イチ</t>
    </rPh>
    <rPh sb="11" eb="12">
      <t>オオ</t>
    </rPh>
    <rPh sb="15" eb="17">
      <t>ダンサ</t>
    </rPh>
    <rPh sb="18" eb="20">
      <t>コウバイ</t>
    </rPh>
    <rPh sb="21" eb="23">
      <t>タテモノ</t>
    </rPh>
    <rPh sb="26" eb="28">
      <t>キョリ</t>
    </rPh>
    <phoneticPr fontId="1"/>
  </si>
  <si>
    <t>　　消防活動空間、はしご車の進入経路、隅切</t>
    <rPh sb="2" eb="4">
      <t>ショウボウ</t>
    </rPh>
    <rPh sb="4" eb="6">
      <t>カツドウ</t>
    </rPh>
    <rPh sb="6" eb="8">
      <t>クウカン</t>
    </rPh>
    <rPh sb="12" eb="13">
      <t>シャ</t>
    </rPh>
    <rPh sb="14" eb="16">
      <t>シンニュウ</t>
    </rPh>
    <rPh sb="16" eb="18">
      <t>ケイロ</t>
    </rPh>
    <rPh sb="19" eb="21">
      <t>スミキ</t>
    </rPh>
    <phoneticPr fontId="1"/>
  </si>
  <si>
    <t>　　公設消火栓の位置（２点実測）、防火水槽の位置（水量）</t>
    <rPh sb="2" eb="4">
      <t>コウセツ</t>
    </rPh>
    <rPh sb="4" eb="7">
      <t>ショウカセン</t>
    </rPh>
    <rPh sb="8" eb="10">
      <t>イチ</t>
    </rPh>
    <rPh sb="12" eb="13">
      <t>テン</t>
    </rPh>
    <rPh sb="13" eb="15">
      <t>ジッソク</t>
    </rPh>
    <rPh sb="17" eb="19">
      <t>ボウカ</t>
    </rPh>
    <rPh sb="19" eb="21">
      <t>スイソウ</t>
    </rPh>
    <rPh sb="22" eb="24">
      <t>イチ</t>
    </rPh>
    <rPh sb="25" eb="27">
      <t>スイリョウ</t>
    </rPh>
    <phoneticPr fontId="1"/>
  </si>
  <si>
    <t>　　避難経路、消防隊進入経路上の扉の施錠状況</t>
    <rPh sb="14" eb="15">
      <t>ウエ</t>
    </rPh>
    <rPh sb="16" eb="17">
      <t>トビラ</t>
    </rPh>
    <rPh sb="18" eb="20">
      <t>セジョウ</t>
    </rPh>
    <rPh sb="20" eb="22">
      <t>ジョウキョウ</t>
    </rPh>
    <phoneticPr fontId="1"/>
  </si>
  <si>
    <t>　　開口部間の距離（令８区画、共住区画）</t>
    <rPh sb="2" eb="5">
      <t>カイコウブ</t>
    </rPh>
    <rPh sb="5" eb="6">
      <t>アイダ</t>
    </rPh>
    <rPh sb="7" eb="9">
      <t>キョリ</t>
    </rPh>
    <rPh sb="10" eb="11">
      <t>レイ</t>
    </rPh>
    <rPh sb="12" eb="14">
      <t>クカク</t>
    </rPh>
    <rPh sb="15" eb="17">
      <t>キョウジュウ</t>
    </rPh>
    <rPh sb="17" eb="19">
      <t>クカク</t>
    </rPh>
    <phoneticPr fontId="1"/>
  </si>
  <si>
    <t>　　開口部の面積（規則第13条区画、共住省令）</t>
    <rPh sb="2" eb="5">
      <t>カイコウブ</t>
    </rPh>
    <rPh sb="6" eb="8">
      <t>メンセキ</t>
    </rPh>
    <rPh sb="9" eb="11">
      <t>キソク</t>
    </rPh>
    <rPh sb="11" eb="12">
      <t>ダイ</t>
    </rPh>
    <rPh sb="14" eb="15">
      <t>ジョウ</t>
    </rPh>
    <rPh sb="15" eb="17">
      <t>クカク</t>
    </rPh>
    <rPh sb="18" eb="20">
      <t>キョウジュウ</t>
    </rPh>
    <rPh sb="20" eb="22">
      <t>ショウレイ</t>
    </rPh>
    <phoneticPr fontId="1"/>
  </si>
  <si>
    <t>　　避難器具の設置階、操作面積</t>
    <rPh sb="2" eb="4">
      <t>ヒナン</t>
    </rPh>
    <rPh sb="4" eb="6">
      <t>キグ</t>
    </rPh>
    <rPh sb="7" eb="9">
      <t>セッチ</t>
    </rPh>
    <rPh sb="9" eb="10">
      <t>カイ</t>
    </rPh>
    <rPh sb="11" eb="13">
      <t>ソウサ</t>
    </rPh>
    <rPh sb="13" eb="15">
      <t>メンセキ</t>
    </rPh>
    <phoneticPr fontId="1"/>
  </si>
  <si>
    <t>　　令８区画、規則第13条区画、防災センターの区画、火気取扱室区画、共住区画</t>
    <rPh sb="4" eb="6">
      <t>クカク</t>
    </rPh>
    <rPh sb="7" eb="9">
      <t>キソク</t>
    </rPh>
    <rPh sb="9" eb="10">
      <t>ダイ</t>
    </rPh>
    <rPh sb="12" eb="13">
      <t>ジョウ</t>
    </rPh>
    <rPh sb="13" eb="15">
      <t>クカク</t>
    </rPh>
    <rPh sb="16" eb="18">
      <t>ボウサイ</t>
    </rPh>
    <rPh sb="23" eb="25">
      <t>クカク</t>
    </rPh>
    <rPh sb="26" eb="28">
      <t>カキ</t>
    </rPh>
    <rPh sb="28" eb="29">
      <t>ト</t>
    </rPh>
    <rPh sb="29" eb="30">
      <t>アツカ</t>
    </rPh>
    <rPh sb="30" eb="31">
      <t>シツ</t>
    </rPh>
    <rPh sb="31" eb="33">
      <t>クカク</t>
    </rPh>
    <rPh sb="36" eb="38">
      <t>クカク</t>
    </rPh>
    <phoneticPr fontId="1"/>
  </si>
  <si>
    <t>　　一時避難場所の免除要件（廊下の防火防煙区画、排煙設備など）</t>
    <rPh sb="2" eb="4">
      <t>イチジ</t>
    </rPh>
    <rPh sb="4" eb="6">
      <t>ヒナン</t>
    </rPh>
    <rPh sb="6" eb="8">
      <t>バショ</t>
    </rPh>
    <rPh sb="9" eb="11">
      <t>メンジョ</t>
    </rPh>
    <rPh sb="11" eb="13">
      <t>ヨウケン</t>
    </rPh>
    <rPh sb="14" eb="16">
      <t>ロウカ</t>
    </rPh>
    <rPh sb="17" eb="19">
      <t>ボウカ</t>
    </rPh>
    <rPh sb="19" eb="21">
      <t>ボウエン</t>
    </rPh>
    <rPh sb="21" eb="23">
      <t>クカク</t>
    </rPh>
    <rPh sb="24" eb="26">
      <t>ハイエン</t>
    </rPh>
    <rPh sb="26" eb="28">
      <t>セツビ</t>
    </rPh>
    <phoneticPr fontId="1"/>
  </si>
  <si>
    <t>防災設備機器一覧表</t>
    <rPh sb="0" eb="2">
      <t>ボウサイ</t>
    </rPh>
    <rPh sb="2" eb="4">
      <t>セツビ</t>
    </rPh>
    <rPh sb="4" eb="6">
      <t>キキ</t>
    </rPh>
    <rPh sb="6" eb="8">
      <t>イチラン</t>
    </rPh>
    <rPh sb="8" eb="9">
      <t>ヒョウ</t>
    </rPh>
    <phoneticPr fontId="1"/>
  </si>
  <si>
    <t>　　除外・特例要件、共住省令（構造類型）</t>
    <rPh sb="10" eb="12">
      <t>キョウジュウ</t>
    </rPh>
    <rPh sb="12" eb="14">
      <t>ショウレイ</t>
    </rPh>
    <rPh sb="15" eb="17">
      <t>コウゾウ</t>
    </rPh>
    <rPh sb="17" eb="19">
      <t>ルイケイ</t>
    </rPh>
    <phoneticPr fontId="1"/>
  </si>
  <si>
    <t>　　消防用設備等の設置及び共住省令について別途協議する旨の明記</t>
    <rPh sb="2" eb="5">
      <t>ショウボウヨウ</t>
    </rPh>
    <rPh sb="5" eb="7">
      <t>セツビ</t>
    </rPh>
    <rPh sb="7" eb="8">
      <t>トウ</t>
    </rPh>
    <rPh sb="9" eb="11">
      <t>セッチ</t>
    </rPh>
    <rPh sb="11" eb="12">
      <t>オヨ</t>
    </rPh>
    <rPh sb="13" eb="15">
      <t>キョウジュウ</t>
    </rPh>
    <rPh sb="15" eb="17">
      <t>ショウレイ</t>
    </rPh>
    <rPh sb="21" eb="23">
      <t>ベット</t>
    </rPh>
    <rPh sb="23" eb="25">
      <t>キョウギ</t>
    </rPh>
    <rPh sb="27" eb="28">
      <t>ムネ</t>
    </rPh>
    <rPh sb="29" eb="31">
      <t>メイキ</t>
    </rPh>
    <phoneticPr fontId="1"/>
  </si>
  <si>
    <t>　　連結送水管のホース・ノズルの本数</t>
    <rPh sb="2" eb="4">
      <t>レンケツ</t>
    </rPh>
    <rPh sb="4" eb="7">
      <t>ソウスイカン</t>
    </rPh>
    <rPh sb="16" eb="18">
      <t>ホンスウ</t>
    </rPh>
    <phoneticPr fontId="1"/>
  </si>
  <si>
    <t>　　除外・特例、40号省令による内装仕上</t>
    <phoneticPr fontId="1"/>
  </si>
  <si>
    <t>　　各設備の系統図の添付（主要な構成部材の仕様を含む。）　　　</t>
    <rPh sb="2" eb="3">
      <t>カク</t>
    </rPh>
    <rPh sb="3" eb="5">
      <t>セツビ</t>
    </rPh>
    <rPh sb="6" eb="9">
      <t>ケイトウズ</t>
    </rPh>
    <rPh sb="10" eb="12">
      <t>テンプ</t>
    </rPh>
    <rPh sb="13" eb="15">
      <t>シュヨウ</t>
    </rPh>
    <rPh sb="16" eb="18">
      <t>コウセイ</t>
    </rPh>
    <rPh sb="18" eb="20">
      <t>ブザイ</t>
    </rPh>
    <rPh sb="21" eb="23">
      <t>シヨウ</t>
    </rPh>
    <rPh sb="24" eb="25">
      <t>フク</t>
    </rPh>
    <phoneticPr fontId="1"/>
  </si>
  <si>
    <t>　　消火栓、SPヘッド、アラーム弁、放水口等の位置（包含ラインを含む。）</t>
    <rPh sb="18" eb="20">
      <t>ホウスイ</t>
    </rPh>
    <rPh sb="20" eb="21">
      <t>クチ</t>
    </rPh>
    <rPh sb="21" eb="22">
      <t>トウ</t>
    </rPh>
    <rPh sb="23" eb="25">
      <t>イチ</t>
    </rPh>
    <rPh sb="32" eb="33">
      <t>フク</t>
    </rPh>
    <phoneticPr fontId="1"/>
  </si>
  <si>
    <t>　　感知器、発信機、スピーカー、非常電話、誘導灯等の位置</t>
    <rPh sb="2" eb="5">
      <t>カンチキ</t>
    </rPh>
    <rPh sb="6" eb="9">
      <t>ハッシンキ</t>
    </rPh>
    <rPh sb="16" eb="18">
      <t>ヒジョウ</t>
    </rPh>
    <rPh sb="18" eb="20">
      <t>デンワ</t>
    </rPh>
    <rPh sb="21" eb="24">
      <t>ユウドウトウ</t>
    </rPh>
    <rPh sb="26" eb="28">
      <t>イチ</t>
    </rPh>
    <phoneticPr fontId="1"/>
  </si>
  <si>
    <t>　　消火栓・放水口等の格納箱扉の開閉軌跡</t>
    <rPh sb="2" eb="4">
      <t>ショウカ</t>
    </rPh>
    <rPh sb="4" eb="5">
      <t>セン</t>
    </rPh>
    <rPh sb="6" eb="8">
      <t>ホウスイ</t>
    </rPh>
    <rPh sb="8" eb="9">
      <t>クチ</t>
    </rPh>
    <rPh sb="9" eb="10">
      <t>トウ</t>
    </rPh>
    <rPh sb="11" eb="13">
      <t>カクノウ</t>
    </rPh>
    <rPh sb="13" eb="14">
      <t>バコ</t>
    </rPh>
    <rPh sb="14" eb="15">
      <t>トビラ</t>
    </rPh>
    <phoneticPr fontId="1"/>
  </si>
  <si>
    <t>　　屋上テスト弁、放水口の位置</t>
    <rPh sb="2" eb="4">
      <t>オクジョウ</t>
    </rPh>
    <rPh sb="7" eb="8">
      <t>ベン</t>
    </rPh>
    <rPh sb="9" eb="11">
      <t>ホウスイ</t>
    </rPh>
    <rPh sb="11" eb="12">
      <t>クチ</t>
    </rPh>
    <rPh sb="13" eb="15">
      <t>イチ</t>
    </rPh>
    <phoneticPr fontId="1"/>
  </si>
  <si>
    <t>　　屋上排煙ファンの位置（屋上緊急離着陸場等を設ける場合、避難上及び消防活動
　　上支障ないこと）</t>
    <rPh sb="2" eb="4">
      <t>オクジョウ</t>
    </rPh>
    <rPh sb="4" eb="6">
      <t>ハイエン</t>
    </rPh>
    <rPh sb="10" eb="12">
      <t>イチ</t>
    </rPh>
    <rPh sb="13" eb="15">
      <t>オクジョウ</t>
    </rPh>
    <rPh sb="15" eb="17">
      <t>キンキュウ</t>
    </rPh>
    <rPh sb="17" eb="20">
      <t>リチャクリク</t>
    </rPh>
    <rPh sb="20" eb="21">
      <t>ジョウ</t>
    </rPh>
    <rPh sb="21" eb="22">
      <t>トウ</t>
    </rPh>
    <rPh sb="23" eb="24">
      <t>モウ</t>
    </rPh>
    <rPh sb="26" eb="28">
      <t>バアイ</t>
    </rPh>
    <rPh sb="29" eb="31">
      <t>ヒナン</t>
    </rPh>
    <rPh sb="31" eb="32">
      <t>ウエ</t>
    </rPh>
    <rPh sb="32" eb="33">
      <t>オヨ</t>
    </rPh>
    <rPh sb="34" eb="36">
      <t>ショウボウ</t>
    </rPh>
    <rPh sb="36" eb="38">
      <t>カツドウ</t>
    </rPh>
    <rPh sb="41" eb="42">
      <t>ウエ</t>
    </rPh>
    <rPh sb="42" eb="44">
      <t>シショウ</t>
    </rPh>
    <phoneticPr fontId="1"/>
  </si>
  <si>
    <t>　　見付、手摺高さ（開放型の共住省令）</t>
    <rPh sb="2" eb="4">
      <t>ミツ</t>
    </rPh>
    <phoneticPr fontId="1"/>
  </si>
  <si>
    <t>　　見付面積の1/3以上の開放面積の算定対象範囲、対象寸法及び計算書</t>
    <rPh sb="2" eb="3">
      <t>ミ</t>
    </rPh>
    <phoneticPr fontId="1"/>
  </si>
  <si>
    <t>　　外気に面しない部分の対象範囲［４Ｗ(廊下幅員ｍ)以下かつ６ｍ以下］、対象
　　寸法及び計算書</t>
    <phoneticPr fontId="1"/>
  </si>
  <si>
    <t>開放判定計算書</t>
    <phoneticPr fontId="1"/>
  </si>
  <si>
    <t>　　全ての室の内装の不燃化の状況</t>
    <rPh sb="2" eb="3">
      <t>スベ</t>
    </rPh>
    <rPh sb="5" eb="6">
      <t>シツ</t>
    </rPh>
    <rPh sb="7" eb="8">
      <t>ソウ</t>
    </rPh>
    <rPh sb="9" eb="12">
      <t>フネンカ</t>
    </rPh>
    <rPh sb="13" eb="15">
      <t>ジョウキョウ</t>
    </rPh>
    <phoneticPr fontId="1"/>
  </si>
  <si>
    <t>　　開口部上下間の距離（共住省令）</t>
    <rPh sb="5" eb="6">
      <t>ウエ</t>
    </rPh>
    <rPh sb="6" eb="7">
      <t>シタ</t>
    </rPh>
    <phoneticPr fontId="1"/>
  </si>
  <si>
    <t>防災計画書審査願出書　添付図書チェックシート</t>
    <rPh sb="0" eb="2">
      <t>ボウサイ</t>
    </rPh>
    <rPh sb="2" eb="4">
      <t>ケイカク</t>
    </rPh>
    <rPh sb="4" eb="5">
      <t>ショ</t>
    </rPh>
    <rPh sb="5" eb="7">
      <t>シンサ</t>
    </rPh>
    <rPh sb="7" eb="8">
      <t>ネガ</t>
    </rPh>
    <rPh sb="8" eb="9">
      <t>デ</t>
    </rPh>
    <rPh sb="9" eb="10">
      <t>ショ</t>
    </rPh>
    <rPh sb="11" eb="13">
      <t>テンプ</t>
    </rPh>
    <rPh sb="13" eb="15">
      <t>トショ</t>
    </rPh>
    <phoneticPr fontId="1"/>
  </si>
  <si>
    <t>・防災計画書（案）には、下表の確認事項が記載されていることを確認してください。</t>
    <rPh sb="1" eb="6">
      <t>ボウサイケイカクショ</t>
    </rPh>
    <rPh sb="7" eb="8">
      <t>アン</t>
    </rPh>
    <rPh sb="15" eb="17">
      <t>カクニン</t>
    </rPh>
    <phoneticPr fontId="1"/>
  </si>
  <si>
    <t>　　送水口付近の植栽、避難器具降下位置の物品存置防止措置</t>
    <rPh sb="15" eb="17">
      <t>コウカ</t>
    </rPh>
    <rPh sb="17" eb="19">
      <t>イチ</t>
    </rPh>
    <rPh sb="20" eb="22">
      <t>ブッピン</t>
    </rPh>
    <rPh sb="22" eb="24">
      <t>ソンチ</t>
    </rPh>
    <rPh sb="24" eb="26">
      <t>ボウシ</t>
    </rPh>
    <rPh sb="26" eb="28">
      <t>ソチ</t>
    </rPh>
    <phoneticPr fontId="1"/>
  </si>
  <si>
    <t>　　病院・ホテル等の就寝施設の寝具、什器、寝具類の防炎物品の使用</t>
    <rPh sb="2" eb="4">
      <t>ビョウイン</t>
    </rPh>
    <rPh sb="8" eb="9">
      <t>トウ</t>
    </rPh>
    <rPh sb="10" eb="12">
      <t>シュウシン</t>
    </rPh>
    <rPh sb="12" eb="14">
      <t>シセツ</t>
    </rPh>
    <rPh sb="15" eb="17">
      <t>シング</t>
    </rPh>
    <rPh sb="18" eb="20">
      <t>ジュウキ</t>
    </rPh>
    <rPh sb="21" eb="24">
      <t>シングルイ</t>
    </rPh>
    <rPh sb="25" eb="27">
      <t>ボウエン</t>
    </rPh>
    <rPh sb="27" eb="29">
      <t>ブッピン</t>
    </rPh>
    <rPh sb="30" eb="32">
      <t>シヨウ</t>
    </rPh>
    <phoneticPr fontId="1"/>
  </si>
  <si>
    <t>・オンライン申請により提出するもので届出の添付図書をオンラインで行うときは、図書の添付漏れがないことを</t>
    <rPh sb="6" eb="8">
      <t>シンセイ</t>
    </rPh>
    <rPh sb="32" eb="33">
      <t>オコナ</t>
    </rPh>
    <phoneticPr fontId="1"/>
  </si>
  <si>
    <r>
      <rPr>
        <sz val="11"/>
        <color theme="1"/>
        <rFont val="Segoe UI Symbol"/>
        <family val="1"/>
      </rPr>
      <t>☑</t>
    </r>
    <r>
      <rPr>
        <sz val="11"/>
        <color theme="1"/>
        <rFont val="UD デジタル 教科書体 N-R"/>
        <family val="1"/>
        <charset val="128"/>
      </rPr>
      <t>チェックしてください。</t>
    </r>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5" x14ac:knownFonts="1">
    <font>
      <sz val="11"/>
      <color theme="1"/>
      <name val="游ゴシック"/>
      <family val="2"/>
      <scheme val="minor"/>
    </font>
    <font>
      <sz val="6"/>
      <name val="游ゴシック"/>
      <family val="3"/>
      <charset val="128"/>
      <scheme val="minor"/>
    </font>
    <font>
      <sz val="11"/>
      <name val="ＭＳ Ｐゴシック"/>
      <family val="3"/>
      <charset val="128"/>
    </font>
    <font>
      <sz val="11"/>
      <color theme="1"/>
      <name val="UD デジタル 教科書体 N-R"/>
      <family val="1"/>
      <charset val="128"/>
    </font>
    <font>
      <sz val="12"/>
      <color theme="1"/>
      <name val="UD デジタル 教科書体 N-R"/>
      <family val="1"/>
      <charset val="128"/>
    </font>
    <font>
      <sz val="10"/>
      <color theme="1"/>
      <name val="UD デジタル 教科書体 N-R"/>
      <family val="1"/>
      <charset val="128"/>
    </font>
    <font>
      <b/>
      <sz val="14"/>
      <color theme="1"/>
      <name val="UD デジタル 教科書体 N-R"/>
      <family val="1"/>
      <charset val="128"/>
    </font>
    <font>
      <b/>
      <sz val="11"/>
      <color theme="1"/>
      <name val="UD デジタル 教科書体 N-R"/>
      <family val="1"/>
      <charset val="128"/>
    </font>
    <font>
      <sz val="11"/>
      <color theme="1"/>
      <name val="游ゴシック"/>
      <family val="3"/>
      <charset val="128"/>
      <scheme val="minor"/>
    </font>
    <font>
      <u/>
      <sz val="11"/>
      <color theme="10"/>
      <name val="游ゴシック"/>
      <family val="2"/>
      <scheme val="minor"/>
    </font>
    <font>
      <u/>
      <sz val="12"/>
      <color theme="10"/>
      <name val="UD デジタル 教科書体 N-R"/>
      <family val="1"/>
      <charset val="128"/>
    </font>
    <font>
      <sz val="11"/>
      <name val="ＭＳ Ｐ明朝"/>
      <family val="1"/>
      <charset val="128"/>
    </font>
    <font>
      <sz val="11"/>
      <color indexed="9"/>
      <name val="ＭＳ Ｐ明朝"/>
      <family val="1"/>
      <charset val="128"/>
    </font>
    <font>
      <sz val="10"/>
      <name val="ＭＳ Ｐ明朝"/>
      <family val="1"/>
      <charset val="128"/>
    </font>
    <font>
      <sz val="10"/>
      <color indexed="9"/>
      <name val="ＭＳ Ｐ明朝"/>
      <family val="1"/>
      <charset val="128"/>
    </font>
    <font>
      <sz val="6"/>
      <name val="ＭＳ Ｐゴシック"/>
      <family val="3"/>
      <charset val="128"/>
    </font>
    <font>
      <sz val="6.5"/>
      <name val="ＭＳ Ｐ明朝"/>
      <family val="1"/>
      <charset val="128"/>
    </font>
    <font>
      <sz val="4"/>
      <name val="ＭＳ Ｐ明朝"/>
      <family val="1"/>
      <charset val="128"/>
    </font>
    <font>
      <b/>
      <sz val="18"/>
      <color indexed="10"/>
      <name val="ＭＳ Ｐ明朝"/>
      <family val="1"/>
      <charset val="128"/>
    </font>
    <font>
      <sz val="12"/>
      <name val="ＭＳ Ｐ明朝"/>
      <family val="1"/>
      <charset val="128"/>
    </font>
    <font>
      <sz val="12"/>
      <color indexed="9"/>
      <name val="ＭＳ Ｐ明朝"/>
      <family val="1"/>
      <charset val="128"/>
    </font>
    <font>
      <sz val="6"/>
      <name val="ＭＳ Ｐ明朝"/>
      <family val="1"/>
      <charset val="128"/>
    </font>
    <font>
      <b/>
      <sz val="14"/>
      <name val="ＭＳ Ｐ明朝"/>
      <family val="1"/>
      <charset val="128"/>
    </font>
    <font>
      <sz val="11"/>
      <name val="HGPｺﾞｼｯｸM"/>
      <family val="3"/>
      <charset val="128"/>
    </font>
    <font>
      <sz val="10"/>
      <name val="HGPｺﾞｼｯｸM"/>
      <family val="3"/>
      <charset val="128"/>
    </font>
    <font>
      <sz val="8"/>
      <name val="HGPｺﾞｼｯｸM"/>
      <family val="3"/>
      <charset val="128"/>
    </font>
    <font>
      <sz val="9"/>
      <name val="HGPｺﾞｼｯｸM"/>
      <family val="3"/>
      <charset val="128"/>
    </font>
    <font>
      <sz val="12"/>
      <name val="HGPｺﾞｼｯｸM"/>
      <family val="3"/>
      <charset val="128"/>
    </font>
    <font>
      <sz val="11"/>
      <name val="UD デジタル 教科書体 N-R"/>
      <family val="1"/>
      <charset val="128"/>
    </font>
    <font>
      <sz val="11"/>
      <name val="游ゴシック"/>
      <family val="2"/>
      <scheme val="minor"/>
    </font>
    <font>
      <b/>
      <sz val="16"/>
      <name val="UD デジタル 教科書体 N-R"/>
      <family val="1"/>
      <charset val="128"/>
    </font>
    <font>
      <sz val="12"/>
      <name val="UD デジタル 教科書体 N-R"/>
      <family val="1"/>
      <charset val="128"/>
    </font>
    <font>
      <sz val="14"/>
      <name val="UD デジタル 教科書体 N-R"/>
      <family val="1"/>
      <charset val="128"/>
    </font>
    <font>
      <b/>
      <sz val="12"/>
      <name val="UD デジタル 教科書体 N-R"/>
      <family val="1"/>
      <charset val="128"/>
    </font>
    <font>
      <sz val="11"/>
      <color theme="1"/>
      <name val="Segoe UI Symbol"/>
      <family val="1"/>
    </font>
  </fonts>
  <fills count="3">
    <fill>
      <patternFill patternType="none"/>
    </fill>
    <fill>
      <patternFill patternType="gray125"/>
    </fill>
    <fill>
      <patternFill patternType="solid">
        <fgColor theme="0"/>
        <bgColor indexed="64"/>
      </patternFill>
    </fill>
  </fills>
  <borders count="64">
    <border>
      <left/>
      <right/>
      <top/>
      <bottom/>
      <diagonal/>
    </border>
    <border>
      <left/>
      <right/>
      <top style="thin">
        <color theme="0" tint="-0.499984740745262"/>
      </top>
      <bottom style="thin">
        <color theme="0" tint="-0.499984740745262"/>
      </bottom>
      <diagonal/>
    </border>
    <border>
      <left style="thin">
        <color theme="0" tint="-0.499984740745262"/>
      </left>
      <right/>
      <top style="thin">
        <color theme="0" tint="-0.499984740745262"/>
      </top>
      <bottom/>
      <diagonal/>
    </border>
    <border>
      <left/>
      <right/>
      <top style="thin">
        <color theme="0" tint="-0.499984740745262"/>
      </top>
      <bottom/>
      <diagonal/>
    </border>
    <border>
      <left/>
      <right style="thin">
        <color theme="0" tint="-0.499984740745262"/>
      </right>
      <top style="thin">
        <color theme="0" tint="-0.499984740745262"/>
      </top>
      <bottom/>
      <diagonal/>
    </border>
    <border>
      <left/>
      <right style="medium">
        <color theme="0" tint="-0.499984740745262"/>
      </right>
      <top style="thin">
        <color theme="0" tint="-0.499984740745262"/>
      </top>
      <bottom/>
      <diagonal/>
    </border>
    <border>
      <left style="thin">
        <color theme="0" tint="-0.499984740745262"/>
      </left>
      <right/>
      <top/>
      <bottom style="thin">
        <color theme="0" tint="-0.499984740745262"/>
      </bottom>
      <diagonal/>
    </border>
    <border>
      <left/>
      <right/>
      <top/>
      <bottom style="thin">
        <color theme="0" tint="-0.499984740745262"/>
      </bottom>
      <diagonal/>
    </border>
    <border>
      <left/>
      <right style="thin">
        <color theme="0" tint="-0.499984740745262"/>
      </right>
      <top/>
      <bottom style="thin">
        <color theme="0" tint="-0.499984740745262"/>
      </bottom>
      <diagonal/>
    </border>
    <border>
      <left/>
      <right style="medium">
        <color theme="0" tint="-0.499984740745262"/>
      </right>
      <top/>
      <bottom style="thin">
        <color theme="0" tint="-0.499984740745262"/>
      </bottom>
      <diagonal/>
    </border>
    <border>
      <left style="thin">
        <color theme="0" tint="-0.499984740745262"/>
      </left>
      <right/>
      <top/>
      <bottom/>
      <diagonal/>
    </border>
    <border>
      <left/>
      <right style="thin">
        <color theme="0" tint="-0.499984740745262"/>
      </right>
      <top/>
      <bottom/>
      <diagonal/>
    </border>
    <border>
      <left/>
      <right style="medium">
        <color theme="0" tint="-0.499984740745262"/>
      </right>
      <top/>
      <bottom/>
      <diagonal/>
    </border>
    <border>
      <left style="medium">
        <color theme="0" tint="-0.499984740745262"/>
      </left>
      <right/>
      <top/>
      <bottom/>
      <diagonal/>
    </border>
    <border>
      <left style="medium">
        <color theme="0" tint="-0.499984740745262"/>
      </left>
      <right/>
      <top/>
      <bottom style="medium">
        <color theme="0" tint="-0.499984740745262"/>
      </bottom>
      <diagonal/>
    </border>
    <border>
      <left/>
      <right/>
      <top/>
      <bottom style="medium">
        <color theme="0" tint="-0.499984740745262"/>
      </bottom>
      <diagonal/>
    </border>
    <border>
      <left/>
      <right style="medium">
        <color theme="0" tint="-0.499984740745262"/>
      </right>
      <top/>
      <bottom style="medium">
        <color theme="0" tint="-0.499984740745262"/>
      </bottom>
      <diagonal/>
    </border>
    <border>
      <left/>
      <right/>
      <top style="medium">
        <color theme="0" tint="-0.499984740745262"/>
      </top>
      <bottom/>
      <diagonal/>
    </border>
    <border>
      <left/>
      <right style="medium">
        <color theme="0" tint="-0.499984740745262"/>
      </right>
      <top style="medium">
        <color theme="0" tint="-0.499984740745262"/>
      </top>
      <bottom/>
      <diagonal/>
    </border>
    <border>
      <left style="medium">
        <color theme="0" tint="-0.499984740745262"/>
      </left>
      <right/>
      <top style="medium">
        <color theme="0" tint="-0.499984740745262"/>
      </top>
      <bottom style="medium">
        <color theme="0" tint="-0.499984740745262"/>
      </bottom>
      <diagonal/>
    </border>
    <border>
      <left/>
      <right/>
      <top style="medium">
        <color theme="0" tint="-0.499984740745262"/>
      </top>
      <bottom style="medium">
        <color theme="0" tint="-0.499984740745262"/>
      </bottom>
      <diagonal/>
    </border>
    <border>
      <left/>
      <right style="medium">
        <color theme="0" tint="-0.499984740745262"/>
      </right>
      <top style="medium">
        <color theme="0" tint="-0.499984740745262"/>
      </top>
      <bottom style="medium">
        <color theme="0" tint="-0.499984740745262"/>
      </bottom>
      <diagonal/>
    </border>
    <border>
      <left style="thin">
        <color theme="0" tint="-0.499984740745262"/>
      </left>
      <right/>
      <top style="medium">
        <color theme="0" tint="-0.499984740745262"/>
      </top>
      <bottom style="medium">
        <color theme="0" tint="-0.499984740745262"/>
      </bottom>
      <diagonal/>
    </border>
    <border>
      <left/>
      <right style="thin">
        <color theme="0" tint="-0.499984740745262"/>
      </right>
      <top style="medium">
        <color theme="0" tint="-0.499984740745262"/>
      </top>
      <bottom style="medium">
        <color theme="0" tint="-0.499984740745262"/>
      </bottom>
      <diagonal/>
    </border>
    <border>
      <left style="thin">
        <color theme="0" tint="-0.499984740745262"/>
      </left>
      <right/>
      <top style="medium">
        <color theme="0" tint="-0.499984740745262"/>
      </top>
      <bottom/>
      <diagonal/>
    </border>
    <border>
      <left style="medium">
        <color theme="0" tint="-0.499984740745262"/>
      </left>
      <right/>
      <top style="medium">
        <color theme="0" tint="-0.499984740745262"/>
      </top>
      <bottom/>
      <diagonal/>
    </border>
    <border>
      <left/>
      <right style="thin">
        <color theme="0" tint="-0.499984740745262"/>
      </right>
      <top style="medium">
        <color theme="0" tint="-0.499984740745262"/>
      </top>
      <bottom/>
      <diagonal/>
    </border>
    <border>
      <left/>
      <right style="thin">
        <color theme="0" tint="-0.499984740745262"/>
      </right>
      <top/>
      <bottom style="medium">
        <color theme="0" tint="-0.499984740745262"/>
      </bottom>
      <diagonal/>
    </border>
    <border>
      <left style="thin">
        <color theme="0" tint="-0.499984740745262"/>
      </left>
      <right/>
      <top/>
      <bottom style="medium">
        <color theme="0" tint="-0.499984740745262"/>
      </bottom>
      <diagonal/>
    </border>
    <border>
      <left style="thin">
        <color indexed="64"/>
      </left>
      <right style="thin">
        <color indexed="64"/>
      </right>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right style="thin">
        <color indexed="64"/>
      </right>
      <top style="thin">
        <color indexed="64"/>
      </top>
      <bottom/>
      <diagonal/>
    </border>
    <border>
      <left/>
      <right/>
      <top style="thin">
        <color indexed="64"/>
      </top>
      <bottom/>
      <diagonal/>
    </border>
    <border>
      <left style="thin">
        <color indexed="64"/>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thin">
        <color indexed="64"/>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thin">
        <color indexed="64"/>
      </bottom>
      <diagonal/>
    </border>
    <border>
      <left style="medium">
        <color indexed="64"/>
      </left>
      <right/>
      <top style="thin">
        <color indexed="64"/>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medium">
        <color indexed="64"/>
      </top>
      <bottom style="double">
        <color indexed="64"/>
      </bottom>
      <diagonal/>
    </border>
    <border>
      <left style="thin">
        <color indexed="64"/>
      </left>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medium">
        <color indexed="64"/>
      </left>
      <right style="thin">
        <color indexed="64"/>
      </right>
      <top style="medium">
        <color indexed="64"/>
      </top>
      <bottom style="double">
        <color indexed="64"/>
      </bottom>
      <diagonal/>
    </border>
    <border>
      <left style="medium">
        <color theme="0" tint="-0.499984740745262"/>
      </left>
      <right/>
      <top/>
      <bottom style="thin">
        <color theme="0" tint="-0.499984740745262"/>
      </bottom>
      <diagonal/>
    </border>
    <border>
      <left style="medium">
        <color theme="0" tint="-0.499984740745262"/>
      </left>
      <right/>
      <top style="thin">
        <color theme="0" tint="-0.499984740745262"/>
      </top>
      <bottom/>
      <diagonal/>
    </border>
    <border>
      <left style="medium">
        <color theme="0" tint="-0.499984740745262"/>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s>
  <cellStyleXfs count="5">
    <xf numFmtId="0" fontId="0" fillId="0" borderId="0"/>
    <xf numFmtId="0" fontId="2" fillId="0" borderId="0">
      <alignment vertical="center"/>
    </xf>
    <xf numFmtId="0" fontId="8" fillId="0" borderId="0"/>
    <xf numFmtId="0" fontId="9" fillId="0" borderId="0" applyNumberFormat="0" applyFill="0" applyBorder="0" applyAlignment="0" applyProtection="0"/>
    <xf numFmtId="0" fontId="2" fillId="0" borderId="0"/>
  </cellStyleXfs>
  <cellXfs count="236">
    <xf numFmtId="0" fontId="0" fillId="0" borderId="0" xfId="0"/>
    <xf numFmtId="0" fontId="3" fillId="2" borderId="0" xfId="0" applyFont="1" applyFill="1"/>
    <xf numFmtId="0" fontId="3" fillId="0" borderId="0" xfId="0" applyFont="1"/>
    <xf numFmtId="0" fontId="6" fillId="2" borderId="0" xfId="0" applyFont="1" applyFill="1"/>
    <xf numFmtId="0" fontId="4" fillId="2" borderId="0" xfId="0" applyFont="1" applyFill="1"/>
    <xf numFmtId="0" fontId="5" fillId="2" borderId="0" xfId="0" applyFont="1" applyFill="1"/>
    <xf numFmtId="0" fontId="3" fillId="2" borderId="0" xfId="0" applyFont="1" applyFill="1" applyAlignment="1">
      <alignment horizontal="left" vertical="center" wrapText="1"/>
    </xf>
    <xf numFmtId="0" fontId="3" fillId="2" borderId="0" xfId="0" applyFont="1" applyFill="1" applyAlignment="1">
      <alignment horizontal="center" vertical="center" wrapText="1"/>
    </xf>
    <xf numFmtId="0" fontId="7" fillId="2" borderId="12" xfId="0" applyFont="1" applyFill="1" applyBorder="1" applyAlignment="1">
      <alignment wrapText="1"/>
    </xf>
    <xf numFmtId="0" fontId="3" fillId="2" borderId="13" xfId="0" applyFont="1" applyFill="1" applyBorder="1" applyAlignment="1">
      <alignment wrapText="1"/>
    </xf>
    <xf numFmtId="0" fontId="3" fillId="2" borderId="14" xfId="0" applyFont="1" applyFill="1" applyBorder="1" applyAlignment="1">
      <alignment wrapText="1"/>
    </xf>
    <xf numFmtId="0" fontId="3" fillId="2" borderId="15" xfId="0" applyFont="1" applyFill="1" applyBorder="1" applyAlignment="1">
      <alignment horizontal="left" wrapText="1"/>
    </xf>
    <xf numFmtId="0" fontId="7" fillId="2" borderId="16" xfId="0" applyFont="1" applyFill="1" applyBorder="1" applyAlignment="1">
      <alignment wrapText="1"/>
    </xf>
    <xf numFmtId="0" fontId="3" fillId="2" borderId="15" xfId="0" applyFont="1" applyFill="1" applyBorder="1" applyAlignment="1">
      <alignment wrapText="1"/>
    </xf>
    <xf numFmtId="0" fontId="3" fillId="2" borderId="15" xfId="0" applyFont="1" applyFill="1" applyBorder="1" applyAlignment="1">
      <alignment vertical="center" wrapText="1"/>
    </xf>
    <xf numFmtId="0" fontId="4" fillId="2" borderId="3" xfId="0" applyFont="1" applyFill="1" applyBorder="1" applyAlignment="1">
      <alignment wrapText="1"/>
    </xf>
    <xf numFmtId="0" fontId="11" fillId="2" borderId="0" xfId="4" applyFont="1" applyFill="1" applyAlignment="1">
      <alignment horizontal="center" vertical="center" wrapText="1"/>
    </xf>
    <xf numFmtId="0" fontId="12" fillId="2" borderId="0" xfId="4" applyFont="1" applyFill="1" applyAlignment="1">
      <alignment horizontal="center" vertical="center" wrapText="1"/>
    </xf>
    <xf numFmtId="0" fontId="13" fillId="2" borderId="0" xfId="4" applyFont="1" applyFill="1" applyAlignment="1">
      <alignment horizontal="center" vertical="center" wrapText="1"/>
    </xf>
    <xf numFmtId="0" fontId="14" fillId="2" borderId="0" xfId="4" applyFont="1" applyFill="1" applyAlignment="1">
      <alignment horizontal="center" vertical="center" wrapText="1"/>
    </xf>
    <xf numFmtId="0" fontId="11" fillId="2" borderId="29" xfId="4" applyFont="1" applyFill="1" applyBorder="1" applyAlignment="1">
      <alignment horizontal="center" vertical="center" wrapText="1"/>
    </xf>
    <xf numFmtId="0" fontId="11" fillId="2" borderId="29" xfId="4" applyFont="1" applyFill="1" applyBorder="1" applyAlignment="1">
      <alignment vertical="center" textRotation="255" wrapText="1"/>
    </xf>
    <xf numFmtId="0" fontId="11" fillId="2" borderId="36" xfId="4" applyFont="1" applyFill="1" applyBorder="1" applyAlignment="1">
      <alignment horizontal="center" vertical="center" wrapText="1"/>
    </xf>
    <xf numFmtId="0" fontId="11" fillId="2" borderId="38" xfId="4" applyFont="1" applyFill="1" applyBorder="1" applyAlignment="1">
      <alignment vertical="center" wrapText="1"/>
    </xf>
    <xf numFmtId="0" fontId="11" fillId="2" borderId="39" xfId="4" applyFont="1" applyFill="1" applyBorder="1" applyAlignment="1">
      <alignment vertical="center" wrapText="1"/>
    </xf>
    <xf numFmtId="0" fontId="11" fillId="2" borderId="40" xfId="4" applyFont="1" applyFill="1" applyBorder="1" applyAlignment="1">
      <alignment horizontal="center" vertical="center" textRotation="255" wrapText="1"/>
    </xf>
    <xf numFmtId="0" fontId="11" fillId="2" borderId="41" xfId="4" applyFont="1" applyFill="1" applyBorder="1" applyAlignment="1">
      <alignment horizontal="center" vertical="center" wrapText="1"/>
    </xf>
    <xf numFmtId="0" fontId="11" fillId="2" borderId="38" xfId="4" applyFont="1" applyFill="1" applyBorder="1" applyAlignment="1">
      <alignment horizontal="left" vertical="center" wrapText="1"/>
    </xf>
    <xf numFmtId="0" fontId="11" fillId="2" borderId="39" xfId="4" applyFont="1" applyFill="1" applyBorder="1" applyAlignment="1">
      <alignment horizontal="left" vertical="center" wrapText="1"/>
    </xf>
    <xf numFmtId="0" fontId="11" fillId="2" borderId="42" xfId="4" applyFont="1" applyFill="1" applyBorder="1" applyAlignment="1">
      <alignment horizontal="left" vertical="center" wrapText="1"/>
    </xf>
    <xf numFmtId="0" fontId="11" fillId="2" borderId="0" xfId="4" applyFont="1" applyFill="1" applyAlignment="1">
      <alignment horizontal="left" vertical="center" wrapText="1"/>
    </xf>
    <xf numFmtId="0" fontId="11" fillId="2" borderId="37" xfId="4" applyFont="1" applyFill="1" applyBorder="1" applyAlignment="1">
      <alignment horizontal="center" vertical="center" textRotation="255" shrinkToFit="1"/>
    </xf>
    <xf numFmtId="0" fontId="11" fillId="2" borderId="41" xfId="4" applyFont="1" applyFill="1" applyBorder="1" applyAlignment="1">
      <alignment vertical="center" wrapText="1"/>
    </xf>
    <xf numFmtId="0" fontId="17" fillId="2" borderId="41" xfId="4" applyFont="1" applyFill="1" applyBorder="1" applyAlignment="1">
      <alignment horizontal="center" vertical="center" textRotation="255"/>
    </xf>
    <xf numFmtId="0" fontId="11" fillId="2" borderId="0" xfId="4" applyFont="1" applyFill="1" applyAlignment="1">
      <alignment horizontal="center" vertical="center" textRotation="255" wrapText="1"/>
    </xf>
    <xf numFmtId="0" fontId="12" fillId="2" borderId="0" xfId="4" applyFont="1" applyFill="1" applyAlignment="1">
      <alignment horizontal="left" vertical="center" wrapText="1"/>
    </xf>
    <xf numFmtId="0" fontId="11" fillId="2" borderId="42" xfId="4" applyFont="1" applyFill="1" applyBorder="1" applyAlignment="1">
      <alignment vertical="center" wrapText="1"/>
    </xf>
    <xf numFmtId="0" fontId="18" fillId="2" borderId="0" xfId="4" applyFont="1" applyFill="1" applyAlignment="1">
      <alignment vertical="center" shrinkToFit="1"/>
    </xf>
    <xf numFmtId="0" fontId="19" fillId="2" borderId="0" xfId="4" applyFont="1" applyFill="1" applyAlignment="1">
      <alignment horizontal="center" vertical="center" shrinkToFit="1"/>
    </xf>
    <xf numFmtId="0" fontId="20" fillId="2" borderId="0" xfId="4" applyFont="1" applyFill="1" applyAlignment="1">
      <alignment vertical="center" shrinkToFit="1"/>
    </xf>
    <xf numFmtId="0" fontId="19" fillId="2" borderId="0" xfId="4" applyFont="1" applyFill="1" applyAlignment="1">
      <alignment vertical="center" shrinkToFit="1"/>
    </xf>
    <xf numFmtId="0" fontId="23" fillId="0" borderId="0" xfId="4" applyFont="1" applyAlignment="1">
      <alignment vertical="center"/>
    </xf>
    <xf numFmtId="0" fontId="24" fillId="0" borderId="0" xfId="4" applyFont="1" applyAlignment="1">
      <alignment vertical="center"/>
    </xf>
    <xf numFmtId="0" fontId="25" fillId="0" borderId="0" xfId="4" applyFont="1" applyAlignment="1">
      <alignment horizontal="right" vertical="center"/>
    </xf>
    <xf numFmtId="0" fontId="2" fillId="0" borderId="0" xfId="4"/>
    <xf numFmtId="0" fontId="23" fillId="0" borderId="0" xfId="4" applyFont="1" applyAlignment="1">
      <alignment horizontal="justify"/>
    </xf>
    <xf numFmtId="0" fontId="27" fillId="0" borderId="0" xfId="4" applyFont="1" applyAlignment="1">
      <alignment horizontal="center" vertical="center"/>
    </xf>
    <xf numFmtId="0" fontId="27" fillId="0" borderId="0" xfId="4" applyFont="1" applyAlignment="1">
      <alignment horizontal="center" vertical="center" wrapText="1"/>
    </xf>
    <xf numFmtId="0" fontId="30" fillId="2" borderId="0" xfId="0" applyFont="1" applyFill="1" applyAlignment="1">
      <alignment horizontal="center" vertical="center"/>
    </xf>
    <xf numFmtId="0" fontId="31" fillId="2" borderId="0" xfId="0" applyFont="1" applyFill="1"/>
    <xf numFmtId="0" fontId="32" fillId="2" borderId="0" xfId="0" applyFont="1" applyFill="1"/>
    <xf numFmtId="0" fontId="32" fillId="2" borderId="7" xfId="0" applyFont="1" applyFill="1" applyBorder="1"/>
    <xf numFmtId="0" fontId="33" fillId="2" borderId="0" xfId="0" applyFont="1" applyFill="1" applyAlignment="1">
      <alignment vertical="center"/>
    </xf>
    <xf numFmtId="0" fontId="32" fillId="2" borderId="1" xfId="0" applyFont="1" applyFill="1" applyBorder="1"/>
    <xf numFmtId="0" fontId="33" fillId="2" borderId="1" xfId="0" applyFont="1" applyFill="1" applyBorder="1" applyAlignment="1">
      <alignment vertical="center"/>
    </xf>
    <xf numFmtId="0" fontId="3" fillId="2" borderId="61" xfId="0" applyFont="1" applyFill="1" applyBorder="1" applyAlignment="1">
      <alignment horizontal="left" vertical="center" wrapText="1"/>
    </xf>
    <xf numFmtId="0" fontId="0" fillId="0" borderId="3" xfId="0" applyBorder="1" applyAlignment="1">
      <alignment horizontal="left" vertical="center" wrapText="1"/>
    </xf>
    <xf numFmtId="0" fontId="0" fillId="0" borderId="4" xfId="0" applyBorder="1" applyAlignment="1">
      <alignment horizontal="left" vertical="center" wrapText="1"/>
    </xf>
    <xf numFmtId="0" fontId="0" fillId="0" borderId="13" xfId="0" applyBorder="1" applyAlignment="1">
      <alignment horizontal="left" vertical="center" wrapText="1"/>
    </xf>
    <xf numFmtId="0" fontId="0" fillId="0" borderId="0" xfId="0" applyBorder="1" applyAlignment="1">
      <alignment horizontal="left" vertical="center" wrapText="1"/>
    </xf>
    <xf numFmtId="0" fontId="0" fillId="0" borderId="11" xfId="0" applyBorder="1" applyAlignment="1">
      <alignment horizontal="left" vertical="center" wrapText="1"/>
    </xf>
    <xf numFmtId="0" fontId="0" fillId="0" borderId="14" xfId="0" applyBorder="1" applyAlignment="1">
      <alignment horizontal="left" vertical="center" wrapText="1"/>
    </xf>
    <xf numFmtId="0" fontId="0" fillId="0" borderId="15" xfId="0" applyBorder="1" applyAlignment="1">
      <alignment horizontal="left" vertical="center" wrapText="1"/>
    </xf>
    <xf numFmtId="0" fontId="0" fillId="0" borderId="27" xfId="0" applyBorder="1" applyAlignment="1">
      <alignment horizontal="left" vertical="center" wrapText="1"/>
    </xf>
    <xf numFmtId="0" fontId="28" fillId="2" borderId="10" xfId="0" applyFont="1" applyFill="1" applyBorder="1" applyAlignment="1">
      <alignment horizontal="left" vertical="center" wrapText="1"/>
    </xf>
    <xf numFmtId="0" fontId="29" fillId="0" borderId="0" xfId="0" applyFont="1" applyAlignment="1">
      <alignment horizontal="left" vertical="center" wrapText="1"/>
    </xf>
    <xf numFmtId="0" fontId="29" fillId="0" borderId="12" xfId="0" applyFont="1" applyBorder="1" applyAlignment="1">
      <alignment horizontal="left" vertical="center" wrapText="1"/>
    </xf>
    <xf numFmtId="0" fontId="29" fillId="0" borderId="6" xfId="0" applyFont="1" applyBorder="1" applyAlignment="1">
      <alignment horizontal="left" vertical="center" wrapText="1"/>
    </xf>
    <xf numFmtId="0" fontId="29" fillId="0" borderId="7" xfId="0" applyFont="1" applyBorder="1" applyAlignment="1">
      <alignment horizontal="left" vertical="center" wrapText="1"/>
    </xf>
    <xf numFmtId="0" fontId="29" fillId="0" borderId="9" xfId="0" applyFont="1" applyBorder="1" applyAlignment="1">
      <alignment horizontal="left" vertical="center" wrapText="1"/>
    </xf>
    <xf numFmtId="0" fontId="0" fillId="0" borderId="0" xfId="0" applyAlignment="1">
      <alignment horizontal="left" vertical="center" wrapText="1"/>
    </xf>
    <xf numFmtId="0" fontId="0" fillId="0" borderId="60" xfId="0" applyBorder="1" applyAlignment="1">
      <alignment horizontal="left" vertical="center" wrapText="1"/>
    </xf>
    <xf numFmtId="0" fontId="0" fillId="0" borderId="7" xfId="0" applyBorder="1" applyAlignment="1">
      <alignment horizontal="left" vertical="center" wrapText="1"/>
    </xf>
    <xf numFmtId="0" fontId="0" fillId="0" borderId="8" xfId="0" applyBorder="1" applyAlignment="1">
      <alignment horizontal="left" vertical="center" wrapText="1"/>
    </xf>
    <xf numFmtId="0" fontId="3" fillId="2" borderId="62" xfId="0" applyFont="1" applyFill="1" applyBorder="1" applyAlignment="1">
      <alignment horizontal="left" vertical="center" wrapText="1"/>
    </xf>
    <xf numFmtId="0" fontId="0" fillId="0" borderId="1" xfId="0" applyBorder="1" applyAlignment="1">
      <alignment horizontal="left" vertical="center"/>
    </xf>
    <xf numFmtId="0" fontId="0" fillId="0" borderId="63" xfId="0" applyBorder="1" applyAlignment="1">
      <alignment horizontal="left" vertical="center"/>
    </xf>
    <xf numFmtId="0" fontId="3" fillId="2" borderId="10" xfId="0" applyFont="1" applyFill="1" applyBorder="1" applyAlignment="1">
      <alignment horizontal="left" vertical="center" wrapText="1"/>
    </xf>
    <xf numFmtId="0" fontId="3" fillId="2" borderId="0" xfId="0" applyFont="1" applyFill="1" applyBorder="1" applyAlignment="1">
      <alignment horizontal="left" vertical="center" wrapText="1"/>
    </xf>
    <xf numFmtId="0" fontId="0" fillId="0" borderId="12" xfId="0" applyBorder="1" applyAlignment="1">
      <alignment horizontal="left" vertical="center" wrapText="1"/>
    </xf>
    <xf numFmtId="0" fontId="3" fillId="2" borderId="28" xfId="0" applyFont="1" applyFill="1" applyBorder="1" applyAlignment="1">
      <alignment horizontal="left" vertical="center" wrapText="1"/>
    </xf>
    <xf numFmtId="0" fontId="3" fillId="2" borderId="15" xfId="0" applyFont="1" applyFill="1" applyBorder="1" applyAlignment="1">
      <alignment horizontal="left" vertical="center" wrapText="1"/>
    </xf>
    <xf numFmtId="0" fontId="0" fillId="0" borderId="16" xfId="0" applyBorder="1" applyAlignment="1">
      <alignment horizontal="left" vertical="center" wrapText="1"/>
    </xf>
    <xf numFmtId="0" fontId="28" fillId="2" borderId="0" xfId="0" applyFont="1" applyFill="1" applyBorder="1" applyAlignment="1">
      <alignment horizontal="left" vertical="center" wrapText="1"/>
    </xf>
    <xf numFmtId="0" fontId="29" fillId="0" borderId="0" xfId="0" applyFont="1" applyBorder="1" applyAlignment="1">
      <alignment horizontal="left" vertical="center" wrapText="1"/>
    </xf>
    <xf numFmtId="0" fontId="28" fillId="2" borderId="6" xfId="0" applyFont="1" applyFill="1" applyBorder="1" applyAlignment="1">
      <alignment horizontal="left" vertical="center" wrapText="1"/>
    </xf>
    <xf numFmtId="0" fontId="28" fillId="2" borderId="7" xfId="0" applyFont="1" applyFill="1" applyBorder="1" applyAlignment="1">
      <alignment horizontal="left" vertical="center" wrapText="1"/>
    </xf>
    <xf numFmtId="0" fontId="28" fillId="2" borderId="2" xfId="0" applyFont="1" applyFill="1" applyBorder="1" applyAlignment="1">
      <alignment horizontal="left" vertical="center" wrapText="1"/>
    </xf>
    <xf numFmtId="0" fontId="28" fillId="2" borderId="3" xfId="0" applyFont="1" applyFill="1" applyBorder="1" applyAlignment="1">
      <alignment horizontal="left" vertical="center" wrapText="1"/>
    </xf>
    <xf numFmtId="0" fontId="29" fillId="0" borderId="3" xfId="0" applyFont="1" applyBorder="1" applyAlignment="1">
      <alignment horizontal="left" vertical="center" wrapText="1"/>
    </xf>
    <xf numFmtId="0" fontId="29" fillId="0" borderId="5" xfId="0" applyFont="1" applyBorder="1" applyAlignment="1">
      <alignment horizontal="left" vertical="center" wrapText="1"/>
    </xf>
    <xf numFmtId="0" fontId="3" fillId="2" borderId="19" xfId="0" applyFont="1" applyFill="1" applyBorder="1" applyAlignment="1">
      <alignment horizontal="center" vertical="center" wrapText="1"/>
    </xf>
    <xf numFmtId="0" fontId="3" fillId="2" borderId="20" xfId="0" applyFont="1" applyFill="1" applyBorder="1" applyAlignment="1">
      <alignment horizontal="center" vertical="center" wrapText="1"/>
    </xf>
    <xf numFmtId="0" fontId="3" fillId="2" borderId="23" xfId="0" applyFont="1" applyFill="1" applyBorder="1" applyAlignment="1">
      <alignment horizontal="center" vertical="center" wrapText="1"/>
    </xf>
    <xf numFmtId="0" fontId="3" fillId="2" borderId="25" xfId="0" applyFont="1" applyFill="1" applyBorder="1" applyAlignment="1">
      <alignment horizontal="left" vertical="center" wrapText="1"/>
    </xf>
    <xf numFmtId="0" fontId="0" fillId="0" borderId="17" xfId="0" applyBorder="1" applyAlignment="1">
      <alignment horizontal="left" vertical="center" wrapText="1"/>
    </xf>
    <xf numFmtId="0" fontId="0" fillId="0" borderId="26" xfId="0" applyBorder="1" applyAlignment="1">
      <alignment horizontal="left" vertical="center" wrapText="1"/>
    </xf>
    <xf numFmtId="0" fontId="28" fillId="2" borderId="5" xfId="0" applyFont="1" applyFill="1" applyBorder="1" applyAlignment="1">
      <alignment horizontal="left" vertical="center" wrapText="1"/>
    </xf>
    <xf numFmtId="0" fontId="3" fillId="2" borderId="22" xfId="0" applyFont="1" applyFill="1" applyBorder="1" applyAlignment="1">
      <alignment horizontal="center" vertical="center" wrapText="1"/>
    </xf>
    <xf numFmtId="0" fontId="3" fillId="2" borderId="21" xfId="0" applyFont="1" applyFill="1" applyBorder="1" applyAlignment="1">
      <alignment horizontal="center" vertical="center" wrapText="1"/>
    </xf>
    <xf numFmtId="0" fontId="28" fillId="2" borderId="24" xfId="0" applyFont="1" applyFill="1" applyBorder="1" applyAlignment="1">
      <alignment horizontal="left" vertical="center" wrapText="1"/>
    </xf>
    <xf numFmtId="0" fontId="28" fillId="2" borderId="17" xfId="0" applyFont="1" applyFill="1" applyBorder="1" applyAlignment="1">
      <alignment horizontal="left" vertical="center" wrapText="1"/>
    </xf>
    <xf numFmtId="0" fontId="28" fillId="2" borderId="18" xfId="0" applyFont="1" applyFill="1" applyBorder="1" applyAlignment="1">
      <alignment horizontal="left" vertical="center" wrapText="1"/>
    </xf>
    <xf numFmtId="0" fontId="28" fillId="2" borderId="12" xfId="0" applyFont="1" applyFill="1" applyBorder="1" applyAlignment="1">
      <alignment horizontal="left" vertical="center" wrapText="1"/>
    </xf>
    <xf numFmtId="0" fontId="3" fillId="2" borderId="17" xfId="0" applyFont="1" applyFill="1" applyBorder="1" applyAlignment="1">
      <alignment horizontal="left" vertical="top"/>
    </xf>
    <xf numFmtId="0" fontId="3" fillId="0" borderId="19" xfId="0" applyFont="1" applyBorder="1" applyAlignment="1">
      <alignment horizontal="left" vertical="center" wrapText="1" indent="1"/>
    </xf>
    <xf numFmtId="0" fontId="3" fillId="0" borderId="20" xfId="0" applyFont="1" applyBorder="1" applyAlignment="1">
      <alignment horizontal="left" vertical="center" wrapText="1" indent="1"/>
    </xf>
    <xf numFmtId="0" fontId="3" fillId="0" borderId="21" xfId="0" applyFont="1" applyBorder="1" applyAlignment="1">
      <alignment horizontal="left" vertical="center" wrapText="1" indent="1"/>
    </xf>
    <xf numFmtId="0" fontId="3" fillId="2" borderId="15" xfId="0" applyFont="1" applyFill="1" applyBorder="1" applyAlignment="1">
      <alignment horizontal="right" wrapText="1"/>
    </xf>
    <xf numFmtId="0" fontId="4" fillId="2" borderId="7" xfId="0" applyFont="1" applyFill="1" applyBorder="1" applyAlignment="1">
      <alignment horizontal="left" wrapText="1" indent="1"/>
    </xf>
    <xf numFmtId="0" fontId="3" fillId="2" borderId="0" xfId="0" applyFont="1" applyFill="1" applyAlignment="1">
      <alignment horizontal="left" wrapText="1"/>
    </xf>
    <xf numFmtId="0" fontId="3" fillId="2" borderId="0" xfId="0" applyFont="1" applyFill="1" applyAlignment="1">
      <alignment horizontal="left" vertical="center" wrapText="1"/>
    </xf>
    <xf numFmtId="0" fontId="3" fillId="0" borderId="25" xfId="0" applyFont="1" applyBorder="1" applyAlignment="1">
      <alignment horizontal="left" vertical="center" wrapText="1"/>
    </xf>
    <xf numFmtId="0" fontId="3" fillId="0" borderId="17" xfId="0" applyFont="1" applyBorder="1" applyAlignment="1">
      <alignment horizontal="left" vertical="center" wrapText="1"/>
    </xf>
    <xf numFmtId="0" fontId="3" fillId="0" borderId="18" xfId="0" applyFont="1" applyBorder="1" applyAlignment="1">
      <alignment horizontal="left" vertical="center" wrapText="1"/>
    </xf>
    <xf numFmtId="0" fontId="4" fillId="2" borderId="1" xfId="0" applyFont="1" applyFill="1" applyBorder="1" applyAlignment="1">
      <alignment horizontal="left" wrapText="1" indent="1"/>
    </xf>
    <xf numFmtId="0" fontId="3" fillId="2" borderId="3" xfId="0" applyFont="1" applyFill="1" applyBorder="1" applyAlignment="1">
      <alignment horizontal="left" wrapText="1"/>
    </xf>
    <xf numFmtId="0" fontId="10" fillId="2" borderId="1" xfId="3" applyFont="1" applyFill="1" applyBorder="1" applyAlignment="1">
      <alignment horizontal="left" wrapText="1" indent="1"/>
    </xf>
    <xf numFmtId="0" fontId="3" fillId="2" borderId="25" xfId="0" applyFont="1" applyFill="1" applyBorder="1" applyAlignment="1">
      <alignment horizontal="left" vertical="top" wrapText="1"/>
    </xf>
    <xf numFmtId="0" fontId="3" fillId="2" borderId="17" xfId="0" applyFont="1" applyFill="1" applyBorder="1" applyAlignment="1">
      <alignment horizontal="left" vertical="top" wrapText="1"/>
    </xf>
    <xf numFmtId="0" fontId="3" fillId="2" borderId="13" xfId="0" applyFont="1" applyFill="1" applyBorder="1" applyAlignment="1">
      <alignment horizontal="left" vertical="top" wrapText="1"/>
    </xf>
    <xf numFmtId="0" fontId="3" fillId="2" borderId="14" xfId="0" applyFont="1" applyFill="1" applyBorder="1" applyAlignment="1">
      <alignment horizontal="left" vertical="top" wrapText="1"/>
    </xf>
    <xf numFmtId="0" fontId="3" fillId="2" borderId="15" xfId="0" applyFont="1" applyFill="1" applyBorder="1" applyAlignment="1">
      <alignment horizontal="left" vertical="top" wrapText="1"/>
    </xf>
    <xf numFmtId="0" fontId="3" fillId="2" borderId="19" xfId="0" applyFont="1" applyFill="1" applyBorder="1" applyAlignment="1">
      <alignment horizontal="left" vertical="center" wrapText="1" indent="1"/>
    </xf>
    <xf numFmtId="0" fontId="3" fillId="2" borderId="20" xfId="0" applyFont="1" applyFill="1" applyBorder="1" applyAlignment="1">
      <alignment horizontal="left" vertical="center" wrapText="1" indent="1"/>
    </xf>
    <xf numFmtId="0" fontId="28" fillId="2" borderId="0" xfId="0" applyFont="1" applyFill="1" applyAlignment="1">
      <alignment horizontal="left" vertical="center" wrapText="1"/>
    </xf>
    <xf numFmtId="0" fontId="28" fillId="2" borderId="15" xfId="0" applyFont="1" applyFill="1" applyBorder="1" applyAlignment="1">
      <alignment horizontal="left" vertical="center" wrapText="1"/>
    </xf>
    <xf numFmtId="0" fontId="3" fillId="2" borderId="0" xfId="0" applyFont="1" applyFill="1" applyAlignment="1">
      <alignment horizontal="left"/>
    </xf>
    <xf numFmtId="0" fontId="30" fillId="2" borderId="0" xfId="0" applyFont="1" applyFill="1" applyAlignment="1">
      <alignment horizontal="center" vertical="center"/>
    </xf>
    <xf numFmtId="0" fontId="31" fillId="2" borderId="0" xfId="0" applyFont="1" applyFill="1" applyAlignment="1">
      <alignment horizontal="center" vertical="center"/>
    </xf>
    <xf numFmtId="0" fontId="31" fillId="2" borderId="0" xfId="0" applyFont="1" applyFill="1" applyAlignment="1">
      <alignment horizontal="right"/>
    </xf>
    <xf numFmtId="0" fontId="11" fillId="2" borderId="37" xfId="4" applyFont="1" applyFill="1" applyBorder="1" applyAlignment="1">
      <alignment horizontal="center" vertical="center" textRotation="255" wrapText="1"/>
    </xf>
    <xf numFmtId="0" fontId="11" fillId="2" borderId="29" xfId="4" applyFont="1" applyFill="1" applyBorder="1" applyAlignment="1">
      <alignment horizontal="center" vertical="center" textRotation="255" wrapText="1"/>
    </xf>
    <xf numFmtId="0" fontId="11" fillId="2" borderId="37" xfId="4" applyFont="1" applyFill="1" applyBorder="1" applyAlignment="1">
      <alignment horizontal="center" vertical="center" wrapText="1"/>
    </xf>
    <xf numFmtId="0" fontId="11" fillId="2" borderId="36" xfId="4" applyFont="1" applyFill="1" applyBorder="1" applyAlignment="1">
      <alignment horizontal="center" vertical="center" wrapText="1"/>
    </xf>
    <xf numFmtId="0" fontId="11" fillId="2" borderId="29" xfId="4" applyFont="1" applyFill="1" applyBorder="1" applyAlignment="1">
      <alignment horizontal="center" vertical="center" wrapText="1"/>
    </xf>
    <xf numFmtId="0" fontId="11" fillId="2" borderId="36" xfId="4" applyFont="1" applyFill="1" applyBorder="1" applyAlignment="1">
      <alignment horizontal="center" vertical="center" textRotation="255" wrapText="1"/>
    </xf>
    <xf numFmtId="0" fontId="11" fillId="2" borderId="32" xfId="4" applyFont="1" applyFill="1" applyBorder="1" applyAlignment="1">
      <alignment horizontal="left" vertical="center" wrapText="1"/>
    </xf>
    <xf numFmtId="0" fontId="11" fillId="2" borderId="31" xfId="4" applyFont="1" applyFill="1" applyBorder="1" applyAlignment="1">
      <alignment horizontal="left" vertical="center" wrapText="1"/>
    </xf>
    <xf numFmtId="0" fontId="11" fillId="2" borderId="30" xfId="4" applyFont="1" applyFill="1" applyBorder="1" applyAlignment="1">
      <alignment horizontal="left" vertical="center" wrapText="1"/>
    </xf>
    <xf numFmtId="0" fontId="11" fillId="2" borderId="35" xfId="4" applyFont="1" applyFill="1" applyBorder="1" applyAlignment="1">
      <alignment horizontal="left" vertical="center" wrapText="1"/>
    </xf>
    <xf numFmtId="0" fontId="11" fillId="2" borderId="34" xfId="4" applyFont="1" applyFill="1" applyBorder="1" applyAlignment="1">
      <alignment horizontal="left" vertical="center" wrapText="1"/>
    </xf>
    <xf numFmtId="0" fontId="11" fillId="2" borderId="33" xfId="4" applyFont="1" applyFill="1" applyBorder="1" applyAlignment="1">
      <alignment horizontal="left" vertical="center" wrapText="1"/>
    </xf>
    <xf numFmtId="0" fontId="11" fillId="2" borderId="41" xfId="4" applyFont="1" applyFill="1" applyBorder="1" applyAlignment="1">
      <alignment horizontal="center" vertical="center" textRotation="255" shrinkToFit="1"/>
    </xf>
    <xf numFmtId="0" fontId="13" fillId="2" borderId="37" xfId="4" applyFont="1" applyFill="1" applyBorder="1" applyAlignment="1">
      <alignment horizontal="center" vertical="center" textRotation="255"/>
    </xf>
    <xf numFmtId="0" fontId="13" fillId="2" borderId="29" xfId="4" applyFont="1" applyFill="1" applyBorder="1" applyAlignment="1">
      <alignment horizontal="center" vertical="center" textRotation="255"/>
    </xf>
    <xf numFmtId="0" fontId="11" fillId="2" borderId="37" xfId="4" applyFont="1" applyFill="1" applyBorder="1" applyAlignment="1">
      <alignment horizontal="center" vertical="center" textRotation="255"/>
    </xf>
    <xf numFmtId="0" fontId="11" fillId="2" borderId="29" xfId="4" applyFont="1" applyFill="1" applyBorder="1" applyAlignment="1">
      <alignment horizontal="center" vertical="center" textRotation="255"/>
    </xf>
    <xf numFmtId="0" fontId="11" fillId="2" borderId="37" xfId="4" applyFont="1" applyFill="1" applyBorder="1" applyAlignment="1">
      <alignment horizontal="left" vertical="center" wrapText="1"/>
    </xf>
    <xf numFmtId="0" fontId="11" fillId="2" borderId="41" xfId="4" applyFont="1" applyFill="1" applyBorder="1" applyAlignment="1">
      <alignment horizontal="left" vertical="center" wrapText="1"/>
    </xf>
    <xf numFmtId="0" fontId="11" fillId="2" borderId="38" xfId="4" applyFont="1" applyFill="1" applyBorder="1" applyAlignment="1">
      <alignment horizontal="center" vertical="center" wrapText="1"/>
    </xf>
    <xf numFmtId="0" fontId="11" fillId="2" borderId="32" xfId="4" applyFont="1" applyFill="1" applyBorder="1" applyAlignment="1">
      <alignment horizontal="center" vertical="center" wrapText="1"/>
    </xf>
    <xf numFmtId="0" fontId="11" fillId="2" borderId="31" xfId="4" applyFont="1" applyFill="1" applyBorder="1" applyAlignment="1">
      <alignment horizontal="center" vertical="center" wrapText="1"/>
    </xf>
    <xf numFmtId="0" fontId="11" fillId="2" borderId="30" xfId="4" applyFont="1" applyFill="1" applyBorder="1" applyAlignment="1">
      <alignment horizontal="center" vertical="center" wrapText="1"/>
    </xf>
    <xf numFmtId="0" fontId="16" fillId="0" borderId="37" xfId="4" applyFont="1" applyBorder="1" applyAlignment="1">
      <alignment horizontal="center" vertical="top" textRotation="255" wrapText="1"/>
    </xf>
    <xf numFmtId="0" fontId="16" fillId="0" borderId="29" xfId="4" applyFont="1" applyBorder="1" applyAlignment="1">
      <alignment horizontal="center" vertical="top" textRotation="255" wrapText="1"/>
    </xf>
    <xf numFmtId="0" fontId="11" fillId="2" borderId="42" xfId="4" applyFont="1" applyFill="1" applyBorder="1" applyAlignment="1">
      <alignment horizontal="left" vertical="center" wrapText="1"/>
    </xf>
    <xf numFmtId="0" fontId="11" fillId="2" borderId="41" xfId="4" applyFont="1" applyFill="1" applyBorder="1" applyAlignment="1">
      <alignment horizontal="center" vertical="center" textRotation="255" wrapText="1"/>
    </xf>
    <xf numFmtId="0" fontId="11" fillId="2" borderId="37" xfId="4" applyFont="1" applyFill="1" applyBorder="1" applyAlignment="1">
      <alignment horizontal="center" vertical="center" textRotation="255" shrinkToFit="1"/>
    </xf>
    <xf numFmtId="0" fontId="11" fillId="2" borderId="29" xfId="4" applyFont="1" applyFill="1" applyBorder="1" applyAlignment="1">
      <alignment horizontal="center" vertical="center" textRotation="255" shrinkToFit="1"/>
    </xf>
    <xf numFmtId="0" fontId="11" fillId="2" borderId="42" xfId="4" applyFont="1" applyFill="1" applyBorder="1" applyAlignment="1">
      <alignment horizontal="center" vertical="center" wrapText="1"/>
    </xf>
    <xf numFmtId="0" fontId="11" fillId="2" borderId="39" xfId="4" applyFont="1" applyFill="1" applyBorder="1" applyAlignment="1">
      <alignment horizontal="center" vertical="center" wrapText="1"/>
    </xf>
    <xf numFmtId="0" fontId="11" fillId="2" borderId="36" xfId="4" applyFont="1" applyFill="1" applyBorder="1" applyAlignment="1">
      <alignment horizontal="center" vertical="center"/>
    </xf>
    <xf numFmtId="0" fontId="11" fillId="2" borderId="29" xfId="4" applyFont="1" applyFill="1" applyBorder="1" applyAlignment="1">
      <alignment horizontal="center" vertical="center"/>
    </xf>
    <xf numFmtId="0" fontId="11" fillId="2" borderId="36" xfId="4" applyFont="1" applyFill="1" applyBorder="1" applyAlignment="1">
      <alignment vertical="center" textRotation="255" wrapText="1"/>
    </xf>
    <xf numFmtId="0" fontId="11" fillId="2" borderId="29" xfId="4" applyFont="1" applyFill="1" applyBorder="1" applyAlignment="1">
      <alignment vertical="center" textRotation="255" wrapText="1"/>
    </xf>
    <xf numFmtId="0" fontId="11" fillId="2" borderId="35" xfId="4" applyFont="1" applyFill="1" applyBorder="1" applyAlignment="1">
      <alignment vertical="center" wrapText="1"/>
    </xf>
    <xf numFmtId="0" fontId="11" fillId="2" borderId="34" xfId="4" applyFont="1" applyFill="1" applyBorder="1" applyAlignment="1">
      <alignment vertical="center" wrapText="1"/>
    </xf>
    <xf numFmtId="0" fontId="11" fillId="2" borderId="33" xfId="4" applyFont="1" applyFill="1" applyBorder="1" applyAlignment="1">
      <alignment vertical="center" wrapText="1"/>
    </xf>
    <xf numFmtId="0" fontId="11" fillId="2" borderId="39" xfId="4" applyFont="1" applyFill="1" applyBorder="1" applyAlignment="1">
      <alignment horizontal="left" vertical="center" wrapText="1"/>
    </xf>
    <xf numFmtId="0" fontId="11" fillId="2" borderId="0" xfId="4" applyFont="1" applyFill="1" applyAlignment="1">
      <alignment horizontal="left" vertical="center" wrapText="1"/>
    </xf>
    <xf numFmtId="0" fontId="11" fillId="2" borderId="43" xfId="4" applyFont="1" applyFill="1" applyBorder="1" applyAlignment="1">
      <alignment horizontal="left" vertical="center" wrapText="1"/>
    </xf>
    <xf numFmtId="0" fontId="11" fillId="2" borderId="36" xfId="4" applyFont="1" applyFill="1" applyBorder="1" applyAlignment="1">
      <alignment horizontal="center" vertical="center" textRotation="255" shrinkToFit="1"/>
    </xf>
    <xf numFmtId="0" fontId="11" fillId="2" borderId="42" xfId="4" applyFont="1" applyFill="1" applyBorder="1" applyAlignment="1">
      <alignment horizontal="center" vertical="center" textRotation="255" wrapText="1"/>
    </xf>
    <xf numFmtId="0" fontId="11" fillId="2" borderId="40" xfId="4" applyFont="1" applyFill="1" applyBorder="1" applyAlignment="1">
      <alignment horizontal="center" vertical="center" textRotation="255" wrapText="1"/>
    </xf>
    <xf numFmtId="0" fontId="11" fillId="2" borderId="35" xfId="4" applyFont="1" applyFill="1" applyBorder="1" applyAlignment="1">
      <alignment horizontal="center" vertical="center" textRotation="255" wrapText="1"/>
    </xf>
    <xf numFmtId="0" fontId="22" fillId="2" borderId="0" xfId="4" applyFont="1" applyFill="1" applyAlignment="1">
      <alignment horizontal="center" vertical="center" wrapText="1"/>
    </xf>
    <xf numFmtId="0" fontId="21" fillId="2" borderId="37" xfId="4" applyFont="1" applyFill="1" applyBorder="1" applyAlignment="1">
      <alignment horizontal="center" vertical="center" textRotation="255" shrinkToFit="1"/>
    </xf>
    <xf numFmtId="0" fontId="11" fillId="2" borderId="38" xfId="4" applyFont="1" applyFill="1" applyBorder="1" applyAlignment="1">
      <alignment horizontal="left" vertical="center" wrapText="1"/>
    </xf>
    <xf numFmtId="0" fontId="13" fillId="2" borderId="36" xfId="4" applyFont="1" applyFill="1" applyBorder="1" applyAlignment="1">
      <alignment horizontal="center" vertical="center" textRotation="255" wrapText="1"/>
    </xf>
    <xf numFmtId="0" fontId="13" fillId="2" borderId="29" xfId="4" applyFont="1" applyFill="1" applyBorder="1" applyAlignment="1">
      <alignment horizontal="center" vertical="center" textRotation="255" wrapText="1"/>
    </xf>
    <xf numFmtId="0" fontId="11" fillId="0" borderId="31" xfId="4" applyFont="1" applyBorder="1" applyAlignment="1">
      <alignment horizontal="left" vertical="center" wrapText="1"/>
    </xf>
    <xf numFmtId="0" fontId="11" fillId="0" borderId="30" xfId="4" applyFont="1" applyBorder="1" applyAlignment="1">
      <alignment horizontal="left" vertical="center" wrapText="1"/>
    </xf>
    <xf numFmtId="0" fontId="11" fillId="0" borderId="34" xfId="4" applyFont="1" applyBorder="1" applyAlignment="1">
      <alignment horizontal="left" vertical="center" wrapText="1"/>
    </xf>
    <xf numFmtId="0" fontId="11" fillId="0" borderId="33" xfId="4" applyFont="1" applyBorder="1" applyAlignment="1">
      <alignment horizontal="left" vertical="center" wrapText="1"/>
    </xf>
    <xf numFmtId="0" fontId="23" fillId="0" borderId="41" xfId="4" applyFont="1" applyBorder="1" applyAlignment="1">
      <alignment vertical="center" wrapText="1"/>
    </xf>
    <xf numFmtId="0" fontId="2" fillId="0" borderId="41" xfId="4" applyBorder="1" applyAlignment="1">
      <alignment vertical="center" wrapText="1"/>
    </xf>
    <xf numFmtId="0" fontId="2" fillId="0" borderId="32" xfId="4" applyBorder="1" applyAlignment="1">
      <alignment vertical="center" wrapText="1"/>
    </xf>
    <xf numFmtId="0" fontId="2" fillId="0" borderId="48" xfId="4" applyBorder="1" applyAlignment="1">
      <alignment vertical="center" wrapText="1"/>
    </xf>
    <xf numFmtId="0" fontId="23" fillId="0" borderId="55" xfId="4" applyFont="1" applyBorder="1" applyAlignment="1">
      <alignment horizontal="center" vertical="center" wrapText="1"/>
    </xf>
    <xf numFmtId="0" fontId="2" fillId="0" borderId="41" xfId="4" applyBorder="1" applyAlignment="1">
      <alignment horizontal="center" vertical="center" wrapText="1"/>
    </xf>
    <xf numFmtId="0" fontId="26" fillId="0" borderId="41" xfId="4" applyFont="1" applyBorder="1" applyAlignment="1">
      <alignment vertical="center" wrapText="1"/>
    </xf>
    <xf numFmtId="0" fontId="27" fillId="0" borderId="0" xfId="4" applyFont="1" applyAlignment="1">
      <alignment horizontal="center" vertical="center" wrapText="1"/>
    </xf>
    <xf numFmtId="0" fontId="27" fillId="0" borderId="0" xfId="4" applyFont="1" applyAlignment="1">
      <alignment horizontal="center" vertical="center"/>
    </xf>
    <xf numFmtId="0" fontId="23" fillId="0" borderId="0" xfId="4" applyFont="1" applyAlignment="1">
      <alignment vertical="distributed" wrapText="1"/>
    </xf>
    <xf numFmtId="0" fontId="23" fillId="0" borderId="0" xfId="4" applyFont="1" applyAlignment="1">
      <alignment horizontal="left" vertical="center"/>
    </xf>
    <xf numFmtId="0" fontId="2" fillId="0" borderId="0" xfId="4" applyAlignment="1">
      <alignment horizontal="left" vertical="center"/>
    </xf>
    <xf numFmtId="0" fontId="23" fillId="0" borderId="42" xfId="4" applyFont="1" applyBorder="1" applyAlignment="1">
      <alignment vertical="center" wrapText="1"/>
    </xf>
    <xf numFmtId="0" fontId="2" fillId="0" borderId="38" xfId="4" applyBorder="1" applyAlignment="1">
      <alignment vertical="center" wrapText="1"/>
    </xf>
    <xf numFmtId="0" fontId="2" fillId="0" borderId="35" xfId="4" applyBorder="1" applyAlignment="1">
      <alignment vertical="center" wrapText="1"/>
    </xf>
    <xf numFmtId="0" fontId="2" fillId="0" borderId="33" xfId="4" applyBorder="1" applyAlignment="1">
      <alignment vertical="center" wrapText="1"/>
    </xf>
    <xf numFmtId="0" fontId="2" fillId="0" borderId="39" xfId="4" applyBorder="1" applyAlignment="1">
      <alignment vertical="center" wrapText="1"/>
    </xf>
    <xf numFmtId="0" fontId="2" fillId="0" borderId="52" xfId="4" applyBorder="1" applyAlignment="1">
      <alignment vertical="center" wrapText="1"/>
    </xf>
    <xf numFmtId="0" fontId="2" fillId="0" borderId="34" xfId="4" applyBorder="1" applyAlignment="1">
      <alignment vertical="center" wrapText="1"/>
    </xf>
    <xf numFmtId="0" fontId="2" fillId="0" borderId="50" xfId="4" applyBorder="1" applyAlignment="1">
      <alignment vertical="center" wrapText="1"/>
    </xf>
    <xf numFmtId="0" fontId="23" fillId="0" borderId="59" xfId="4" applyFont="1" applyBorder="1" applyAlignment="1">
      <alignment horizontal="center" vertical="center" wrapText="1"/>
    </xf>
    <xf numFmtId="0" fontId="23" fillId="0" borderId="58" xfId="4" applyFont="1" applyBorder="1" applyAlignment="1">
      <alignment horizontal="center" vertical="center" wrapText="1"/>
    </xf>
    <xf numFmtId="0" fontId="24" fillId="0" borderId="41" xfId="4" applyFont="1" applyBorder="1" applyAlignment="1">
      <alignment vertical="center" wrapText="1"/>
    </xf>
    <xf numFmtId="0" fontId="23" fillId="0" borderId="47" xfId="4" applyFont="1" applyBorder="1" applyAlignment="1">
      <alignment horizontal="center" vertical="center" wrapText="1"/>
    </xf>
    <xf numFmtId="0" fontId="2" fillId="0" borderId="46" xfId="4" applyBorder="1" applyAlignment="1">
      <alignment horizontal="center" vertical="center" wrapText="1"/>
    </xf>
    <xf numFmtId="0" fontId="23" fillId="0" borderId="32" xfId="4" applyFont="1" applyBorder="1" applyAlignment="1">
      <alignment vertical="center" wrapText="1"/>
    </xf>
    <xf numFmtId="0" fontId="2" fillId="0" borderId="30" xfId="4" applyBorder="1" applyAlignment="1">
      <alignment vertical="center" wrapText="1"/>
    </xf>
    <xf numFmtId="0" fontId="23" fillId="0" borderId="54" xfId="4" applyFont="1" applyBorder="1" applyAlignment="1">
      <alignment horizontal="center" vertical="center" wrapText="1"/>
    </xf>
    <xf numFmtId="0" fontId="2" fillId="0" borderId="38" xfId="4" applyBorder="1" applyAlignment="1">
      <alignment horizontal="center" vertical="center" wrapText="1"/>
    </xf>
    <xf numFmtId="0" fontId="2" fillId="0" borderId="51" xfId="4" applyBorder="1" applyAlignment="1">
      <alignment horizontal="center" vertical="center" wrapText="1"/>
    </xf>
    <xf numFmtId="0" fontId="2" fillId="0" borderId="43" xfId="4" applyBorder="1" applyAlignment="1">
      <alignment horizontal="center" vertical="center" wrapText="1"/>
    </xf>
    <xf numFmtId="0" fontId="2" fillId="0" borderId="49" xfId="4" applyBorder="1" applyAlignment="1">
      <alignment horizontal="center" vertical="center" wrapText="1"/>
    </xf>
    <xf numFmtId="0" fontId="2" fillId="0" borderId="33" xfId="4" applyBorder="1" applyAlignment="1">
      <alignment horizontal="center" vertical="center" wrapText="1"/>
    </xf>
    <xf numFmtId="0" fontId="2" fillId="0" borderId="58" xfId="4" applyBorder="1" applyAlignment="1">
      <alignment horizontal="center" vertical="center" wrapText="1"/>
    </xf>
    <xf numFmtId="0" fontId="2" fillId="0" borderId="57" xfId="4" applyBorder="1" applyAlignment="1">
      <alignment horizontal="center" vertical="center" wrapText="1"/>
    </xf>
    <xf numFmtId="0" fontId="2" fillId="0" borderId="56" xfId="4" applyBorder="1" applyAlignment="1">
      <alignment horizontal="center" vertical="center" wrapText="1"/>
    </xf>
    <xf numFmtId="0" fontId="23" fillId="0" borderId="32" xfId="4" applyFont="1" applyBorder="1" applyAlignment="1">
      <alignment vertical="center"/>
    </xf>
    <xf numFmtId="0" fontId="2" fillId="0" borderId="31" xfId="4" applyBorder="1" applyAlignment="1">
      <alignment vertical="center"/>
    </xf>
    <xf numFmtId="0" fontId="2" fillId="0" borderId="53" xfId="4" applyBorder="1" applyAlignment="1">
      <alignment vertical="center"/>
    </xf>
    <xf numFmtId="0" fontId="2" fillId="0" borderId="31" xfId="4" applyBorder="1" applyAlignment="1">
      <alignment vertical="center" wrapText="1"/>
    </xf>
    <xf numFmtId="0" fontId="2" fillId="0" borderId="53" xfId="4" applyBorder="1" applyAlignment="1">
      <alignment vertical="center" wrapText="1"/>
    </xf>
    <xf numFmtId="0" fontId="24" fillId="0" borderId="0" xfId="4" applyFont="1" applyAlignment="1">
      <alignment vertical="center" wrapText="1"/>
    </xf>
    <xf numFmtId="0" fontId="23" fillId="0" borderId="46" xfId="4" applyFont="1" applyBorder="1" applyAlignment="1">
      <alignment vertical="center" wrapText="1"/>
    </xf>
    <xf numFmtId="0" fontId="2" fillId="0" borderId="46" xfId="4" applyBorder="1" applyAlignment="1">
      <alignment vertical="center" wrapText="1"/>
    </xf>
    <xf numFmtId="0" fontId="2" fillId="0" borderId="45" xfId="4" applyBorder="1" applyAlignment="1">
      <alignment vertical="center" wrapText="1"/>
    </xf>
    <xf numFmtId="0" fontId="2" fillId="0" borderId="44" xfId="4" applyBorder="1" applyAlignment="1">
      <alignment vertical="center" wrapText="1"/>
    </xf>
    <xf numFmtId="0" fontId="3" fillId="2" borderId="0" xfId="0" applyFont="1" applyFill="1" applyAlignment="1">
      <alignment vertical="center"/>
    </xf>
    <xf numFmtId="0" fontId="3" fillId="2" borderId="0" xfId="0" applyFont="1" applyFill="1" applyBorder="1" applyAlignment="1">
      <alignment horizontal="left" vertical="top" wrapText="1"/>
    </xf>
    <xf numFmtId="0" fontId="3" fillId="2" borderId="18" xfId="0" applyFont="1" applyFill="1" applyBorder="1" applyAlignment="1">
      <alignment horizontal="left" vertical="top" wrapText="1"/>
    </xf>
    <xf numFmtId="0" fontId="3" fillId="2" borderId="12" xfId="0" applyFont="1" applyFill="1" applyBorder="1" applyAlignment="1">
      <alignment horizontal="left" vertical="top" wrapText="1"/>
    </xf>
    <xf numFmtId="0" fontId="3" fillId="2" borderId="16" xfId="0" applyFont="1" applyFill="1" applyBorder="1" applyAlignment="1">
      <alignment horizontal="left" vertical="top" wrapText="1"/>
    </xf>
  </cellXfs>
  <cellStyles count="5">
    <cellStyle name="ハイパーリンク" xfId="3" builtinId="8"/>
    <cellStyle name="標準" xfId="0" builtinId="0"/>
    <cellStyle name="標準 2" xfId="1" xr:uid="{00000000-0005-0000-0000-000002000000}"/>
    <cellStyle name="標準 3" xfId="2" xr:uid="{00000000-0005-0000-0000-000003000000}"/>
    <cellStyle name="標準 4" xfId="4" xr:uid="{79B1F126-F354-46FB-B7C0-02CD6EBE4646}"/>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Radio" firstButton="1" lockText="1" noThreeD="1"/>
</file>

<file path=xl/ctrlProps/ctrlProp35.xml><?xml version="1.0" encoding="utf-8"?>
<formControlPr xmlns="http://schemas.microsoft.com/office/spreadsheetml/2009/9/main" objectType="Radio" lockText="1" noThreeD="1"/>
</file>

<file path=xl/ctrlProps/ctrlProp36.xml><?xml version="1.0" encoding="utf-8"?>
<formControlPr xmlns="http://schemas.microsoft.com/office/spreadsheetml/2009/9/main" objectType="Radio" lockText="1" noThreeD="1"/>
</file>

<file path=xl/ctrlProps/ctrlProp37.xml><?xml version="1.0" encoding="utf-8"?>
<formControlPr xmlns="http://schemas.microsoft.com/office/spreadsheetml/2009/9/main" objectType="Radio" lockText="1" noThreeD="1"/>
</file>

<file path=xl/ctrlProps/ctrlProp38.xml><?xml version="1.0" encoding="utf-8"?>
<formControlPr xmlns="http://schemas.microsoft.com/office/spreadsheetml/2009/9/main" objectType="Radio" lockText="1" noThreeD="1"/>
</file>

<file path=xl/ctrlProps/ctrlProp39.xml><?xml version="1.0" encoding="utf-8"?>
<formControlPr xmlns="http://schemas.microsoft.com/office/spreadsheetml/2009/9/main" objectType="Radio"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Radio" lockText="1" noThreeD="1"/>
</file>

<file path=xl/ctrlProps/ctrlProp41.xml><?xml version="1.0" encoding="utf-8"?>
<formControlPr xmlns="http://schemas.microsoft.com/office/spreadsheetml/2009/9/main" objectType="Radio" lockText="1" noThreeD="1"/>
</file>

<file path=xl/ctrlProps/ctrlProp42.xml><?xml version="1.0" encoding="utf-8"?>
<formControlPr xmlns="http://schemas.microsoft.com/office/spreadsheetml/2009/9/main" objectType="Radio" lockText="1" noThreeD="1"/>
</file>

<file path=xl/ctrlProps/ctrlProp43.xml><?xml version="1.0" encoding="utf-8"?>
<formControlPr xmlns="http://schemas.microsoft.com/office/spreadsheetml/2009/9/main" objectType="Radio" lockText="1" noThreeD="1"/>
</file>

<file path=xl/ctrlProps/ctrlProp44.xml><?xml version="1.0" encoding="utf-8"?>
<formControlPr xmlns="http://schemas.microsoft.com/office/spreadsheetml/2009/9/main" objectType="Radio" lockText="1" noThreeD="1"/>
</file>

<file path=xl/ctrlProps/ctrlProp45.xml><?xml version="1.0" encoding="utf-8"?>
<formControlPr xmlns="http://schemas.microsoft.com/office/spreadsheetml/2009/9/main" objectType="Radio" lockText="1" noThreeD="1"/>
</file>

<file path=xl/ctrlProps/ctrlProp46.xml><?xml version="1.0" encoding="utf-8"?>
<formControlPr xmlns="http://schemas.microsoft.com/office/spreadsheetml/2009/9/main" objectType="Radio" lockText="1" noThreeD="1"/>
</file>

<file path=xl/ctrlProps/ctrlProp47.xml><?xml version="1.0" encoding="utf-8"?>
<formControlPr xmlns="http://schemas.microsoft.com/office/spreadsheetml/2009/9/main" objectType="Radio" lockText="1" noThreeD="1"/>
</file>

<file path=xl/ctrlProps/ctrlProp48.xml><?xml version="1.0" encoding="utf-8"?>
<formControlPr xmlns="http://schemas.microsoft.com/office/spreadsheetml/2009/9/main" objectType="Radio" lockText="1" noThreeD="1"/>
</file>

<file path=xl/ctrlProps/ctrlProp49.xml><?xml version="1.0" encoding="utf-8"?>
<formControlPr xmlns="http://schemas.microsoft.com/office/spreadsheetml/2009/9/main" objectType="Radio"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Radio"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22860</xdr:colOff>
          <xdr:row>12</xdr:row>
          <xdr:rowOff>0</xdr:rowOff>
        </xdr:from>
        <xdr:to>
          <xdr:col>6</xdr:col>
          <xdr:colOff>207645</xdr:colOff>
          <xdr:row>13</xdr:row>
          <xdr:rowOff>17145</xdr:rowOff>
        </xdr:to>
        <xdr:sp macro="" textlink="">
          <xdr:nvSpPr>
            <xdr:cNvPr id="19646" name="Check Box 190" hidden="1">
              <a:extLst>
                <a:ext uri="{63B3BB69-23CF-44E3-9099-C40C66FF867C}">
                  <a14:compatExt spid="_x0000_s19646"/>
                </a:ext>
                <a:ext uri="{FF2B5EF4-FFF2-40B4-BE49-F238E27FC236}">
                  <a16:creationId xmlns:a16="http://schemas.microsoft.com/office/drawing/2014/main" id="{00000000-0008-0000-0000-0000BE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12</xdr:row>
          <xdr:rowOff>198120</xdr:rowOff>
        </xdr:from>
        <xdr:to>
          <xdr:col>6</xdr:col>
          <xdr:colOff>207645</xdr:colOff>
          <xdr:row>14</xdr:row>
          <xdr:rowOff>19050</xdr:rowOff>
        </xdr:to>
        <xdr:sp macro="" textlink="">
          <xdr:nvSpPr>
            <xdr:cNvPr id="19647" name="Check Box 191" hidden="1">
              <a:extLst>
                <a:ext uri="{63B3BB69-23CF-44E3-9099-C40C66FF867C}">
                  <a14:compatExt spid="_x0000_s19647"/>
                </a:ext>
                <a:ext uri="{FF2B5EF4-FFF2-40B4-BE49-F238E27FC236}">
                  <a16:creationId xmlns:a16="http://schemas.microsoft.com/office/drawing/2014/main" id="{00000000-0008-0000-0000-0000BF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14</xdr:row>
          <xdr:rowOff>198120</xdr:rowOff>
        </xdr:from>
        <xdr:to>
          <xdr:col>6</xdr:col>
          <xdr:colOff>207645</xdr:colOff>
          <xdr:row>16</xdr:row>
          <xdr:rowOff>19050</xdr:rowOff>
        </xdr:to>
        <xdr:sp macro="" textlink="">
          <xdr:nvSpPr>
            <xdr:cNvPr id="19648" name="Check Box 192" hidden="1">
              <a:extLst>
                <a:ext uri="{63B3BB69-23CF-44E3-9099-C40C66FF867C}">
                  <a14:compatExt spid="_x0000_s19648"/>
                </a:ext>
                <a:ext uri="{FF2B5EF4-FFF2-40B4-BE49-F238E27FC236}">
                  <a16:creationId xmlns:a16="http://schemas.microsoft.com/office/drawing/2014/main" id="{00000000-0008-0000-0000-0000C0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13</xdr:row>
          <xdr:rowOff>198120</xdr:rowOff>
        </xdr:from>
        <xdr:to>
          <xdr:col>6</xdr:col>
          <xdr:colOff>207645</xdr:colOff>
          <xdr:row>15</xdr:row>
          <xdr:rowOff>19050</xdr:rowOff>
        </xdr:to>
        <xdr:sp macro="" textlink="">
          <xdr:nvSpPr>
            <xdr:cNvPr id="19650" name="Check Box 194" hidden="1">
              <a:extLst>
                <a:ext uri="{63B3BB69-23CF-44E3-9099-C40C66FF867C}">
                  <a14:compatExt spid="_x0000_s19650"/>
                </a:ext>
                <a:ext uri="{FF2B5EF4-FFF2-40B4-BE49-F238E27FC236}">
                  <a16:creationId xmlns:a16="http://schemas.microsoft.com/office/drawing/2014/main" id="{00000000-0008-0000-0000-0000C2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15</xdr:row>
          <xdr:rowOff>198120</xdr:rowOff>
        </xdr:from>
        <xdr:to>
          <xdr:col>6</xdr:col>
          <xdr:colOff>207645</xdr:colOff>
          <xdr:row>17</xdr:row>
          <xdr:rowOff>19050</xdr:rowOff>
        </xdr:to>
        <xdr:sp macro="" textlink="">
          <xdr:nvSpPr>
            <xdr:cNvPr id="19651" name="Check Box 195" hidden="1">
              <a:extLst>
                <a:ext uri="{63B3BB69-23CF-44E3-9099-C40C66FF867C}">
                  <a14:compatExt spid="_x0000_s19651"/>
                </a:ext>
                <a:ext uri="{FF2B5EF4-FFF2-40B4-BE49-F238E27FC236}">
                  <a16:creationId xmlns:a16="http://schemas.microsoft.com/office/drawing/2014/main" id="{00000000-0008-0000-0000-0000C3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16</xdr:row>
          <xdr:rowOff>198120</xdr:rowOff>
        </xdr:from>
        <xdr:to>
          <xdr:col>6</xdr:col>
          <xdr:colOff>207645</xdr:colOff>
          <xdr:row>18</xdr:row>
          <xdr:rowOff>19050</xdr:rowOff>
        </xdr:to>
        <xdr:sp macro="" textlink="">
          <xdr:nvSpPr>
            <xdr:cNvPr id="19654" name="Check Box 198" hidden="1">
              <a:extLst>
                <a:ext uri="{63B3BB69-23CF-44E3-9099-C40C66FF867C}">
                  <a14:compatExt spid="_x0000_s19654"/>
                </a:ext>
                <a:ext uri="{FF2B5EF4-FFF2-40B4-BE49-F238E27FC236}">
                  <a16:creationId xmlns:a16="http://schemas.microsoft.com/office/drawing/2014/main" id="{00000000-0008-0000-0000-0000C6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17</xdr:row>
          <xdr:rowOff>198120</xdr:rowOff>
        </xdr:from>
        <xdr:to>
          <xdr:col>6</xdr:col>
          <xdr:colOff>207645</xdr:colOff>
          <xdr:row>19</xdr:row>
          <xdr:rowOff>19050</xdr:rowOff>
        </xdr:to>
        <xdr:sp macro="" textlink="">
          <xdr:nvSpPr>
            <xdr:cNvPr id="19655" name="Check Box 199" hidden="1">
              <a:extLst>
                <a:ext uri="{63B3BB69-23CF-44E3-9099-C40C66FF867C}">
                  <a14:compatExt spid="_x0000_s19655"/>
                </a:ext>
                <a:ext uri="{FF2B5EF4-FFF2-40B4-BE49-F238E27FC236}">
                  <a16:creationId xmlns:a16="http://schemas.microsoft.com/office/drawing/2014/main" id="{00000000-0008-0000-0000-0000C7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18</xdr:row>
          <xdr:rowOff>198120</xdr:rowOff>
        </xdr:from>
        <xdr:to>
          <xdr:col>6</xdr:col>
          <xdr:colOff>207645</xdr:colOff>
          <xdr:row>20</xdr:row>
          <xdr:rowOff>19050</xdr:rowOff>
        </xdr:to>
        <xdr:sp macro="" textlink="">
          <xdr:nvSpPr>
            <xdr:cNvPr id="19656" name="Check Box 200" hidden="1">
              <a:extLst>
                <a:ext uri="{63B3BB69-23CF-44E3-9099-C40C66FF867C}">
                  <a14:compatExt spid="_x0000_s19656"/>
                </a:ext>
                <a:ext uri="{FF2B5EF4-FFF2-40B4-BE49-F238E27FC236}">
                  <a16:creationId xmlns:a16="http://schemas.microsoft.com/office/drawing/2014/main" id="{00000000-0008-0000-0000-0000C8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19</xdr:row>
          <xdr:rowOff>198120</xdr:rowOff>
        </xdr:from>
        <xdr:to>
          <xdr:col>6</xdr:col>
          <xdr:colOff>207645</xdr:colOff>
          <xdr:row>21</xdr:row>
          <xdr:rowOff>19050</xdr:rowOff>
        </xdr:to>
        <xdr:sp macro="" textlink="">
          <xdr:nvSpPr>
            <xdr:cNvPr id="19657" name="Check Box 201" hidden="1">
              <a:extLst>
                <a:ext uri="{63B3BB69-23CF-44E3-9099-C40C66FF867C}">
                  <a14:compatExt spid="_x0000_s19657"/>
                </a:ext>
                <a:ext uri="{FF2B5EF4-FFF2-40B4-BE49-F238E27FC236}">
                  <a16:creationId xmlns:a16="http://schemas.microsoft.com/office/drawing/2014/main" id="{00000000-0008-0000-0000-0000C9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21</xdr:row>
          <xdr:rowOff>198120</xdr:rowOff>
        </xdr:from>
        <xdr:to>
          <xdr:col>6</xdr:col>
          <xdr:colOff>207645</xdr:colOff>
          <xdr:row>23</xdr:row>
          <xdr:rowOff>19050</xdr:rowOff>
        </xdr:to>
        <xdr:sp macro="" textlink="">
          <xdr:nvSpPr>
            <xdr:cNvPr id="19658" name="Check Box 202" hidden="1">
              <a:extLst>
                <a:ext uri="{63B3BB69-23CF-44E3-9099-C40C66FF867C}">
                  <a14:compatExt spid="_x0000_s19658"/>
                </a:ext>
                <a:ext uri="{FF2B5EF4-FFF2-40B4-BE49-F238E27FC236}">
                  <a16:creationId xmlns:a16="http://schemas.microsoft.com/office/drawing/2014/main" id="{00000000-0008-0000-0000-0000CA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22</xdr:row>
          <xdr:rowOff>198120</xdr:rowOff>
        </xdr:from>
        <xdr:to>
          <xdr:col>6</xdr:col>
          <xdr:colOff>207645</xdr:colOff>
          <xdr:row>24</xdr:row>
          <xdr:rowOff>19050</xdr:rowOff>
        </xdr:to>
        <xdr:sp macro="" textlink="">
          <xdr:nvSpPr>
            <xdr:cNvPr id="19659" name="Check Box 203" hidden="1">
              <a:extLst>
                <a:ext uri="{63B3BB69-23CF-44E3-9099-C40C66FF867C}">
                  <a14:compatExt spid="_x0000_s19659"/>
                </a:ext>
                <a:ext uri="{FF2B5EF4-FFF2-40B4-BE49-F238E27FC236}">
                  <a16:creationId xmlns:a16="http://schemas.microsoft.com/office/drawing/2014/main" id="{00000000-0008-0000-0000-0000CB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23</xdr:row>
          <xdr:rowOff>198120</xdr:rowOff>
        </xdr:from>
        <xdr:to>
          <xdr:col>6</xdr:col>
          <xdr:colOff>207645</xdr:colOff>
          <xdr:row>25</xdr:row>
          <xdr:rowOff>19050</xdr:rowOff>
        </xdr:to>
        <xdr:sp macro="" textlink="">
          <xdr:nvSpPr>
            <xdr:cNvPr id="19660" name="Check Box 204" hidden="1">
              <a:extLst>
                <a:ext uri="{63B3BB69-23CF-44E3-9099-C40C66FF867C}">
                  <a14:compatExt spid="_x0000_s19660"/>
                </a:ext>
                <a:ext uri="{FF2B5EF4-FFF2-40B4-BE49-F238E27FC236}">
                  <a16:creationId xmlns:a16="http://schemas.microsoft.com/office/drawing/2014/main" id="{00000000-0008-0000-0000-0000CC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24</xdr:row>
          <xdr:rowOff>198120</xdr:rowOff>
        </xdr:from>
        <xdr:to>
          <xdr:col>6</xdr:col>
          <xdr:colOff>207645</xdr:colOff>
          <xdr:row>26</xdr:row>
          <xdr:rowOff>19050</xdr:rowOff>
        </xdr:to>
        <xdr:sp macro="" textlink="">
          <xdr:nvSpPr>
            <xdr:cNvPr id="19661" name="Check Box 205" hidden="1">
              <a:extLst>
                <a:ext uri="{63B3BB69-23CF-44E3-9099-C40C66FF867C}">
                  <a14:compatExt spid="_x0000_s19661"/>
                </a:ext>
                <a:ext uri="{FF2B5EF4-FFF2-40B4-BE49-F238E27FC236}">
                  <a16:creationId xmlns:a16="http://schemas.microsoft.com/office/drawing/2014/main" id="{00000000-0008-0000-0000-0000CD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25</xdr:row>
          <xdr:rowOff>198120</xdr:rowOff>
        </xdr:from>
        <xdr:to>
          <xdr:col>6</xdr:col>
          <xdr:colOff>207645</xdr:colOff>
          <xdr:row>27</xdr:row>
          <xdr:rowOff>19050</xdr:rowOff>
        </xdr:to>
        <xdr:sp macro="" textlink="">
          <xdr:nvSpPr>
            <xdr:cNvPr id="19662" name="Check Box 206" hidden="1">
              <a:extLst>
                <a:ext uri="{63B3BB69-23CF-44E3-9099-C40C66FF867C}">
                  <a14:compatExt spid="_x0000_s19662"/>
                </a:ext>
                <a:ext uri="{FF2B5EF4-FFF2-40B4-BE49-F238E27FC236}">
                  <a16:creationId xmlns:a16="http://schemas.microsoft.com/office/drawing/2014/main" id="{00000000-0008-0000-0000-0000CE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36</xdr:row>
          <xdr:rowOff>198120</xdr:rowOff>
        </xdr:from>
        <xdr:to>
          <xdr:col>6</xdr:col>
          <xdr:colOff>207645</xdr:colOff>
          <xdr:row>38</xdr:row>
          <xdr:rowOff>19050</xdr:rowOff>
        </xdr:to>
        <xdr:sp macro="" textlink="">
          <xdr:nvSpPr>
            <xdr:cNvPr id="19663" name="Check Box 207" hidden="1">
              <a:extLst>
                <a:ext uri="{63B3BB69-23CF-44E3-9099-C40C66FF867C}">
                  <a14:compatExt spid="_x0000_s19663"/>
                </a:ext>
                <a:ext uri="{FF2B5EF4-FFF2-40B4-BE49-F238E27FC236}">
                  <a16:creationId xmlns:a16="http://schemas.microsoft.com/office/drawing/2014/main" id="{00000000-0008-0000-0000-0000CF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26</xdr:row>
          <xdr:rowOff>198120</xdr:rowOff>
        </xdr:from>
        <xdr:to>
          <xdr:col>6</xdr:col>
          <xdr:colOff>207645</xdr:colOff>
          <xdr:row>28</xdr:row>
          <xdr:rowOff>19050</xdr:rowOff>
        </xdr:to>
        <xdr:sp macro="" textlink="">
          <xdr:nvSpPr>
            <xdr:cNvPr id="19664" name="Check Box 208" hidden="1">
              <a:extLst>
                <a:ext uri="{63B3BB69-23CF-44E3-9099-C40C66FF867C}">
                  <a14:compatExt spid="_x0000_s19664"/>
                </a:ext>
                <a:ext uri="{FF2B5EF4-FFF2-40B4-BE49-F238E27FC236}">
                  <a16:creationId xmlns:a16="http://schemas.microsoft.com/office/drawing/2014/main" id="{00000000-0008-0000-0000-0000D0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27</xdr:row>
          <xdr:rowOff>213360</xdr:rowOff>
        </xdr:from>
        <xdr:to>
          <xdr:col>6</xdr:col>
          <xdr:colOff>207645</xdr:colOff>
          <xdr:row>29</xdr:row>
          <xdr:rowOff>17145</xdr:rowOff>
        </xdr:to>
        <xdr:sp macro="" textlink="">
          <xdr:nvSpPr>
            <xdr:cNvPr id="19665" name="Check Box 209" hidden="1">
              <a:extLst>
                <a:ext uri="{63B3BB69-23CF-44E3-9099-C40C66FF867C}">
                  <a14:compatExt spid="_x0000_s19665"/>
                </a:ext>
                <a:ext uri="{FF2B5EF4-FFF2-40B4-BE49-F238E27FC236}">
                  <a16:creationId xmlns:a16="http://schemas.microsoft.com/office/drawing/2014/main" id="{00000000-0008-0000-0000-0000D1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28</xdr:row>
          <xdr:rowOff>198120</xdr:rowOff>
        </xdr:from>
        <xdr:to>
          <xdr:col>6</xdr:col>
          <xdr:colOff>207645</xdr:colOff>
          <xdr:row>30</xdr:row>
          <xdr:rowOff>19050</xdr:rowOff>
        </xdr:to>
        <xdr:sp macro="" textlink="">
          <xdr:nvSpPr>
            <xdr:cNvPr id="19666" name="Check Box 210" hidden="1">
              <a:extLst>
                <a:ext uri="{63B3BB69-23CF-44E3-9099-C40C66FF867C}">
                  <a14:compatExt spid="_x0000_s19666"/>
                </a:ext>
                <a:ext uri="{FF2B5EF4-FFF2-40B4-BE49-F238E27FC236}">
                  <a16:creationId xmlns:a16="http://schemas.microsoft.com/office/drawing/2014/main" id="{00000000-0008-0000-0000-0000D2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29</xdr:row>
          <xdr:rowOff>198120</xdr:rowOff>
        </xdr:from>
        <xdr:to>
          <xdr:col>6</xdr:col>
          <xdr:colOff>207645</xdr:colOff>
          <xdr:row>31</xdr:row>
          <xdr:rowOff>19050</xdr:rowOff>
        </xdr:to>
        <xdr:sp macro="" textlink="">
          <xdr:nvSpPr>
            <xdr:cNvPr id="19667" name="Check Box 211" hidden="1">
              <a:extLst>
                <a:ext uri="{63B3BB69-23CF-44E3-9099-C40C66FF867C}">
                  <a14:compatExt spid="_x0000_s19667"/>
                </a:ext>
                <a:ext uri="{FF2B5EF4-FFF2-40B4-BE49-F238E27FC236}">
                  <a16:creationId xmlns:a16="http://schemas.microsoft.com/office/drawing/2014/main" id="{00000000-0008-0000-0000-0000D3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30</xdr:row>
          <xdr:rowOff>213360</xdr:rowOff>
        </xdr:from>
        <xdr:to>
          <xdr:col>6</xdr:col>
          <xdr:colOff>207645</xdr:colOff>
          <xdr:row>32</xdr:row>
          <xdr:rowOff>17145</xdr:rowOff>
        </xdr:to>
        <xdr:sp macro="" textlink="">
          <xdr:nvSpPr>
            <xdr:cNvPr id="19668" name="Check Box 212" hidden="1">
              <a:extLst>
                <a:ext uri="{63B3BB69-23CF-44E3-9099-C40C66FF867C}">
                  <a14:compatExt spid="_x0000_s19668"/>
                </a:ext>
                <a:ext uri="{FF2B5EF4-FFF2-40B4-BE49-F238E27FC236}">
                  <a16:creationId xmlns:a16="http://schemas.microsoft.com/office/drawing/2014/main" id="{00000000-0008-0000-0000-0000D4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31</xdr:row>
          <xdr:rowOff>213360</xdr:rowOff>
        </xdr:from>
        <xdr:to>
          <xdr:col>6</xdr:col>
          <xdr:colOff>207645</xdr:colOff>
          <xdr:row>33</xdr:row>
          <xdr:rowOff>17145</xdr:rowOff>
        </xdr:to>
        <xdr:sp macro="" textlink="">
          <xdr:nvSpPr>
            <xdr:cNvPr id="19669" name="Check Box 213" hidden="1">
              <a:extLst>
                <a:ext uri="{63B3BB69-23CF-44E3-9099-C40C66FF867C}">
                  <a14:compatExt spid="_x0000_s19669"/>
                </a:ext>
                <a:ext uri="{FF2B5EF4-FFF2-40B4-BE49-F238E27FC236}">
                  <a16:creationId xmlns:a16="http://schemas.microsoft.com/office/drawing/2014/main" id="{00000000-0008-0000-0000-0000D5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20</xdr:row>
          <xdr:rowOff>198120</xdr:rowOff>
        </xdr:from>
        <xdr:to>
          <xdr:col>6</xdr:col>
          <xdr:colOff>207645</xdr:colOff>
          <xdr:row>22</xdr:row>
          <xdr:rowOff>19050</xdr:rowOff>
        </xdr:to>
        <xdr:sp macro="" textlink="">
          <xdr:nvSpPr>
            <xdr:cNvPr id="19670" name="Check Box 214" hidden="1">
              <a:extLst>
                <a:ext uri="{63B3BB69-23CF-44E3-9099-C40C66FF867C}">
                  <a14:compatExt spid="_x0000_s19670"/>
                </a:ext>
                <a:ext uri="{FF2B5EF4-FFF2-40B4-BE49-F238E27FC236}">
                  <a16:creationId xmlns:a16="http://schemas.microsoft.com/office/drawing/2014/main" id="{00000000-0008-0000-0000-0000D6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32</xdr:row>
          <xdr:rowOff>213360</xdr:rowOff>
        </xdr:from>
        <xdr:to>
          <xdr:col>6</xdr:col>
          <xdr:colOff>207645</xdr:colOff>
          <xdr:row>34</xdr:row>
          <xdr:rowOff>17145</xdr:rowOff>
        </xdr:to>
        <xdr:sp macro="" textlink="">
          <xdr:nvSpPr>
            <xdr:cNvPr id="19671" name="Check Box 215" hidden="1">
              <a:extLst>
                <a:ext uri="{63B3BB69-23CF-44E3-9099-C40C66FF867C}">
                  <a14:compatExt spid="_x0000_s19671"/>
                </a:ext>
                <a:ext uri="{FF2B5EF4-FFF2-40B4-BE49-F238E27FC236}">
                  <a16:creationId xmlns:a16="http://schemas.microsoft.com/office/drawing/2014/main" id="{00000000-0008-0000-0000-0000D7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33</xdr:row>
          <xdr:rowOff>198120</xdr:rowOff>
        </xdr:from>
        <xdr:to>
          <xdr:col>6</xdr:col>
          <xdr:colOff>207645</xdr:colOff>
          <xdr:row>35</xdr:row>
          <xdr:rowOff>19050</xdr:rowOff>
        </xdr:to>
        <xdr:sp macro="" textlink="">
          <xdr:nvSpPr>
            <xdr:cNvPr id="19672" name="Check Box 216" hidden="1">
              <a:extLst>
                <a:ext uri="{63B3BB69-23CF-44E3-9099-C40C66FF867C}">
                  <a14:compatExt spid="_x0000_s19672"/>
                </a:ext>
                <a:ext uri="{FF2B5EF4-FFF2-40B4-BE49-F238E27FC236}">
                  <a16:creationId xmlns:a16="http://schemas.microsoft.com/office/drawing/2014/main" id="{00000000-0008-0000-0000-0000D8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34</xdr:row>
          <xdr:rowOff>198120</xdr:rowOff>
        </xdr:from>
        <xdr:to>
          <xdr:col>6</xdr:col>
          <xdr:colOff>207645</xdr:colOff>
          <xdr:row>36</xdr:row>
          <xdr:rowOff>19050</xdr:rowOff>
        </xdr:to>
        <xdr:sp macro="" textlink="">
          <xdr:nvSpPr>
            <xdr:cNvPr id="19673" name="Check Box 217" hidden="1">
              <a:extLst>
                <a:ext uri="{63B3BB69-23CF-44E3-9099-C40C66FF867C}">
                  <a14:compatExt spid="_x0000_s19673"/>
                </a:ext>
                <a:ext uri="{FF2B5EF4-FFF2-40B4-BE49-F238E27FC236}">
                  <a16:creationId xmlns:a16="http://schemas.microsoft.com/office/drawing/2014/main" id="{00000000-0008-0000-0000-0000D9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35</xdr:row>
          <xdr:rowOff>198120</xdr:rowOff>
        </xdr:from>
        <xdr:to>
          <xdr:col>6</xdr:col>
          <xdr:colOff>207645</xdr:colOff>
          <xdr:row>37</xdr:row>
          <xdr:rowOff>19050</xdr:rowOff>
        </xdr:to>
        <xdr:sp macro="" textlink="">
          <xdr:nvSpPr>
            <xdr:cNvPr id="19674" name="Check Box 218" hidden="1">
              <a:extLst>
                <a:ext uri="{63B3BB69-23CF-44E3-9099-C40C66FF867C}">
                  <a14:compatExt spid="_x0000_s19674"/>
                </a:ext>
                <a:ext uri="{FF2B5EF4-FFF2-40B4-BE49-F238E27FC236}">
                  <a16:creationId xmlns:a16="http://schemas.microsoft.com/office/drawing/2014/main" id="{00000000-0008-0000-0000-0000DA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38</xdr:row>
          <xdr:rowOff>83820</xdr:rowOff>
        </xdr:from>
        <xdr:to>
          <xdr:col>6</xdr:col>
          <xdr:colOff>207645</xdr:colOff>
          <xdr:row>39</xdr:row>
          <xdr:rowOff>114300</xdr:rowOff>
        </xdr:to>
        <xdr:sp macro="" textlink="">
          <xdr:nvSpPr>
            <xdr:cNvPr id="19679" name="Check Box 223" hidden="1">
              <a:extLst>
                <a:ext uri="{63B3BB69-23CF-44E3-9099-C40C66FF867C}">
                  <a14:compatExt spid="_x0000_s19679"/>
                </a:ext>
                <a:ext uri="{FF2B5EF4-FFF2-40B4-BE49-F238E27FC236}">
                  <a16:creationId xmlns:a16="http://schemas.microsoft.com/office/drawing/2014/main" id="{00000000-0008-0000-0000-0000DF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39</xdr:row>
          <xdr:rowOff>198120</xdr:rowOff>
        </xdr:from>
        <xdr:to>
          <xdr:col>6</xdr:col>
          <xdr:colOff>207645</xdr:colOff>
          <xdr:row>41</xdr:row>
          <xdr:rowOff>19050</xdr:rowOff>
        </xdr:to>
        <xdr:sp macro="" textlink="">
          <xdr:nvSpPr>
            <xdr:cNvPr id="19680" name="Check Box 224" hidden="1">
              <a:extLst>
                <a:ext uri="{63B3BB69-23CF-44E3-9099-C40C66FF867C}">
                  <a14:compatExt spid="_x0000_s19680"/>
                </a:ext>
                <a:ext uri="{FF2B5EF4-FFF2-40B4-BE49-F238E27FC236}">
                  <a16:creationId xmlns:a16="http://schemas.microsoft.com/office/drawing/2014/main" id="{00000000-0008-0000-0000-0000E0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40</xdr:row>
          <xdr:rowOff>190500</xdr:rowOff>
        </xdr:from>
        <xdr:to>
          <xdr:col>6</xdr:col>
          <xdr:colOff>207645</xdr:colOff>
          <xdr:row>42</xdr:row>
          <xdr:rowOff>15240</xdr:rowOff>
        </xdr:to>
        <xdr:sp macro="" textlink="">
          <xdr:nvSpPr>
            <xdr:cNvPr id="19681" name="Check Box 225" hidden="1">
              <a:extLst>
                <a:ext uri="{63B3BB69-23CF-44E3-9099-C40C66FF867C}">
                  <a14:compatExt spid="_x0000_s19681"/>
                </a:ext>
                <a:ext uri="{FF2B5EF4-FFF2-40B4-BE49-F238E27FC236}">
                  <a16:creationId xmlns:a16="http://schemas.microsoft.com/office/drawing/2014/main" id="{00000000-0008-0000-0000-0000E1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41</xdr:row>
          <xdr:rowOff>190500</xdr:rowOff>
        </xdr:from>
        <xdr:to>
          <xdr:col>6</xdr:col>
          <xdr:colOff>207645</xdr:colOff>
          <xdr:row>43</xdr:row>
          <xdr:rowOff>15240</xdr:rowOff>
        </xdr:to>
        <xdr:sp macro="" textlink="">
          <xdr:nvSpPr>
            <xdr:cNvPr id="19682" name="Check Box 226" hidden="1">
              <a:extLst>
                <a:ext uri="{63B3BB69-23CF-44E3-9099-C40C66FF867C}">
                  <a14:compatExt spid="_x0000_s19682"/>
                </a:ext>
                <a:ext uri="{FF2B5EF4-FFF2-40B4-BE49-F238E27FC236}">
                  <a16:creationId xmlns:a16="http://schemas.microsoft.com/office/drawing/2014/main" id="{00000000-0008-0000-0000-0000E2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42</xdr:row>
          <xdr:rowOff>213360</xdr:rowOff>
        </xdr:from>
        <xdr:to>
          <xdr:col>6</xdr:col>
          <xdr:colOff>207645</xdr:colOff>
          <xdr:row>44</xdr:row>
          <xdr:rowOff>17145</xdr:rowOff>
        </xdr:to>
        <xdr:sp macro="" textlink="">
          <xdr:nvSpPr>
            <xdr:cNvPr id="19683" name="Check Box 227" hidden="1">
              <a:extLst>
                <a:ext uri="{63B3BB69-23CF-44E3-9099-C40C66FF867C}">
                  <a14:compatExt spid="_x0000_s19683"/>
                </a:ext>
                <a:ext uri="{FF2B5EF4-FFF2-40B4-BE49-F238E27FC236}">
                  <a16:creationId xmlns:a16="http://schemas.microsoft.com/office/drawing/2014/main" id="{00000000-0008-0000-0000-0000E3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43</xdr:row>
          <xdr:rowOff>220980</xdr:rowOff>
        </xdr:from>
        <xdr:to>
          <xdr:col>6</xdr:col>
          <xdr:colOff>207645</xdr:colOff>
          <xdr:row>45</xdr:row>
          <xdr:rowOff>17145</xdr:rowOff>
        </xdr:to>
        <xdr:sp macro="" textlink="">
          <xdr:nvSpPr>
            <xdr:cNvPr id="19684" name="Check Box 228" hidden="1">
              <a:extLst>
                <a:ext uri="{63B3BB69-23CF-44E3-9099-C40C66FF867C}">
                  <a14:compatExt spid="_x0000_s19684"/>
                </a:ext>
                <a:ext uri="{FF2B5EF4-FFF2-40B4-BE49-F238E27FC236}">
                  <a16:creationId xmlns:a16="http://schemas.microsoft.com/office/drawing/2014/main" id="{00000000-0008-0000-0000-0000E4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45</xdr:row>
          <xdr:rowOff>83820</xdr:rowOff>
        </xdr:from>
        <xdr:to>
          <xdr:col>6</xdr:col>
          <xdr:colOff>207645</xdr:colOff>
          <xdr:row>46</xdr:row>
          <xdr:rowOff>114300</xdr:rowOff>
        </xdr:to>
        <xdr:sp macro="" textlink="">
          <xdr:nvSpPr>
            <xdr:cNvPr id="19685" name="Check Box 229" hidden="1">
              <a:extLst>
                <a:ext uri="{63B3BB69-23CF-44E3-9099-C40C66FF867C}">
                  <a14:compatExt spid="_x0000_s19685"/>
                </a:ext>
                <a:ext uri="{FF2B5EF4-FFF2-40B4-BE49-F238E27FC236}">
                  <a16:creationId xmlns:a16="http://schemas.microsoft.com/office/drawing/2014/main" id="{00000000-0008-0000-0000-0000E5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45720</xdr:colOff>
          <xdr:row>20</xdr:row>
          <xdr:rowOff>114300</xdr:rowOff>
        </xdr:from>
        <xdr:to>
          <xdr:col>5</xdr:col>
          <xdr:colOff>45720</xdr:colOff>
          <xdr:row>20</xdr:row>
          <xdr:rowOff>365760</xdr:rowOff>
        </xdr:to>
        <xdr:sp macro="" textlink="">
          <xdr:nvSpPr>
            <xdr:cNvPr id="21505" name="Option Button 1" hidden="1">
              <a:extLst>
                <a:ext uri="{63B3BB69-23CF-44E3-9099-C40C66FF867C}">
                  <a14:compatExt spid="_x0000_s21505"/>
                </a:ext>
                <a:ext uri="{FF2B5EF4-FFF2-40B4-BE49-F238E27FC236}">
                  <a16:creationId xmlns:a16="http://schemas.microsoft.com/office/drawing/2014/main" id="{00000000-0008-0000-0100-000001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5720</xdr:colOff>
          <xdr:row>22</xdr:row>
          <xdr:rowOff>114300</xdr:rowOff>
        </xdr:from>
        <xdr:to>
          <xdr:col>5</xdr:col>
          <xdr:colOff>45720</xdr:colOff>
          <xdr:row>22</xdr:row>
          <xdr:rowOff>365760</xdr:rowOff>
        </xdr:to>
        <xdr:sp macro="" textlink="">
          <xdr:nvSpPr>
            <xdr:cNvPr id="21506" name="Option Button 2" hidden="1">
              <a:extLst>
                <a:ext uri="{63B3BB69-23CF-44E3-9099-C40C66FF867C}">
                  <a14:compatExt spid="_x0000_s21506"/>
                </a:ext>
                <a:ext uri="{FF2B5EF4-FFF2-40B4-BE49-F238E27FC236}">
                  <a16:creationId xmlns:a16="http://schemas.microsoft.com/office/drawing/2014/main" id="{00000000-0008-0000-0100-000002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5720</xdr:colOff>
          <xdr:row>23</xdr:row>
          <xdr:rowOff>114300</xdr:rowOff>
        </xdr:from>
        <xdr:to>
          <xdr:col>5</xdr:col>
          <xdr:colOff>45720</xdr:colOff>
          <xdr:row>23</xdr:row>
          <xdr:rowOff>365760</xdr:rowOff>
        </xdr:to>
        <xdr:sp macro="" textlink="">
          <xdr:nvSpPr>
            <xdr:cNvPr id="21507" name="Option Button 3" hidden="1">
              <a:extLst>
                <a:ext uri="{63B3BB69-23CF-44E3-9099-C40C66FF867C}">
                  <a14:compatExt spid="_x0000_s21507"/>
                </a:ext>
                <a:ext uri="{FF2B5EF4-FFF2-40B4-BE49-F238E27FC236}">
                  <a16:creationId xmlns:a16="http://schemas.microsoft.com/office/drawing/2014/main" id="{00000000-0008-0000-0100-000003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5720</xdr:colOff>
          <xdr:row>24</xdr:row>
          <xdr:rowOff>7620</xdr:rowOff>
        </xdr:from>
        <xdr:to>
          <xdr:col>5</xdr:col>
          <xdr:colOff>45720</xdr:colOff>
          <xdr:row>25</xdr:row>
          <xdr:rowOff>22860</xdr:rowOff>
        </xdr:to>
        <xdr:sp macro="" textlink="">
          <xdr:nvSpPr>
            <xdr:cNvPr id="21508" name="Option Button 4" hidden="1">
              <a:extLst>
                <a:ext uri="{63B3BB69-23CF-44E3-9099-C40C66FF867C}">
                  <a14:compatExt spid="_x0000_s21508"/>
                </a:ext>
                <a:ext uri="{FF2B5EF4-FFF2-40B4-BE49-F238E27FC236}">
                  <a16:creationId xmlns:a16="http://schemas.microsoft.com/office/drawing/2014/main" id="{00000000-0008-0000-0100-000004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5720</xdr:colOff>
          <xdr:row>25</xdr:row>
          <xdr:rowOff>38100</xdr:rowOff>
        </xdr:from>
        <xdr:to>
          <xdr:col>5</xdr:col>
          <xdr:colOff>45720</xdr:colOff>
          <xdr:row>25</xdr:row>
          <xdr:rowOff>297180</xdr:rowOff>
        </xdr:to>
        <xdr:sp macro="" textlink="">
          <xdr:nvSpPr>
            <xdr:cNvPr id="21509" name="Option Button 5" hidden="1">
              <a:extLst>
                <a:ext uri="{63B3BB69-23CF-44E3-9099-C40C66FF867C}">
                  <a14:compatExt spid="_x0000_s21509"/>
                </a:ext>
                <a:ext uri="{FF2B5EF4-FFF2-40B4-BE49-F238E27FC236}">
                  <a16:creationId xmlns:a16="http://schemas.microsoft.com/office/drawing/2014/main" id="{00000000-0008-0000-0100-000005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0960</xdr:colOff>
          <xdr:row>27</xdr:row>
          <xdr:rowOff>312420</xdr:rowOff>
        </xdr:from>
        <xdr:to>
          <xdr:col>5</xdr:col>
          <xdr:colOff>45720</xdr:colOff>
          <xdr:row>27</xdr:row>
          <xdr:rowOff>571500</xdr:rowOff>
        </xdr:to>
        <xdr:sp macro="" textlink="">
          <xdr:nvSpPr>
            <xdr:cNvPr id="21510" name="Option Button 6" hidden="1">
              <a:extLst>
                <a:ext uri="{63B3BB69-23CF-44E3-9099-C40C66FF867C}">
                  <a14:compatExt spid="_x0000_s21510"/>
                </a:ext>
                <a:ext uri="{FF2B5EF4-FFF2-40B4-BE49-F238E27FC236}">
                  <a16:creationId xmlns:a16="http://schemas.microsoft.com/office/drawing/2014/main" id="{00000000-0008-0000-0100-000006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0960</xdr:colOff>
          <xdr:row>28</xdr:row>
          <xdr:rowOff>114300</xdr:rowOff>
        </xdr:from>
        <xdr:to>
          <xdr:col>5</xdr:col>
          <xdr:colOff>45720</xdr:colOff>
          <xdr:row>28</xdr:row>
          <xdr:rowOff>365760</xdr:rowOff>
        </xdr:to>
        <xdr:sp macro="" textlink="">
          <xdr:nvSpPr>
            <xdr:cNvPr id="21511" name="Option Button 7" hidden="1">
              <a:extLst>
                <a:ext uri="{63B3BB69-23CF-44E3-9099-C40C66FF867C}">
                  <a14:compatExt spid="_x0000_s21511"/>
                </a:ext>
                <a:ext uri="{FF2B5EF4-FFF2-40B4-BE49-F238E27FC236}">
                  <a16:creationId xmlns:a16="http://schemas.microsoft.com/office/drawing/2014/main" id="{00000000-0008-0000-0100-000007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0960</xdr:colOff>
          <xdr:row>29</xdr:row>
          <xdr:rowOff>213360</xdr:rowOff>
        </xdr:from>
        <xdr:to>
          <xdr:col>5</xdr:col>
          <xdr:colOff>45720</xdr:colOff>
          <xdr:row>29</xdr:row>
          <xdr:rowOff>464820</xdr:rowOff>
        </xdr:to>
        <xdr:sp macro="" textlink="">
          <xdr:nvSpPr>
            <xdr:cNvPr id="21512" name="Option Button 8" hidden="1">
              <a:extLst>
                <a:ext uri="{63B3BB69-23CF-44E3-9099-C40C66FF867C}">
                  <a14:compatExt spid="_x0000_s21512"/>
                </a:ext>
                <a:ext uri="{FF2B5EF4-FFF2-40B4-BE49-F238E27FC236}">
                  <a16:creationId xmlns:a16="http://schemas.microsoft.com/office/drawing/2014/main" id="{00000000-0008-0000-0100-000008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5720</xdr:colOff>
          <xdr:row>21</xdr:row>
          <xdr:rowOff>22860</xdr:rowOff>
        </xdr:from>
        <xdr:to>
          <xdr:col>5</xdr:col>
          <xdr:colOff>45720</xdr:colOff>
          <xdr:row>22</xdr:row>
          <xdr:rowOff>38100</xdr:rowOff>
        </xdr:to>
        <xdr:sp macro="" textlink="">
          <xdr:nvSpPr>
            <xdr:cNvPr id="21513" name="Option Button 9" hidden="1">
              <a:extLst>
                <a:ext uri="{63B3BB69-23CF-44E3-9099-C40C66FF867C}">
                  <a14:compatExt spid="_x0000_s21513"/>
                </a:ext>
                <a:ext uri="{FF2B5EF4-FFF2-40B4-BE49-F238E27FC236}">
                  <a16:creationId xmlns:a16="http://schemas.microsoft.com/office/drawing/2014/main" id="{00000000-0008-0000-0100-000009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0960</xdr:colOff>
          <xdr:row>26</xdr:row>
          <xdr:rowOff>121920</xdr:rowOff>
        </xdr:from>
        <xdr:to>
          <xdr:col>5</xdr:col>
          <xdr:colOff>45720</xdr:colOff>
          <xdr:row>26</xdr:row>
          <xdr:rowOff>381000</xdr:rowOff>
        </xdr:to>
        <xdr:sp macro="" textlink="">
          <xdr:nvSpPr>
            <xdr:cNvPr id="21514" name="Option Button 10" hidden="1">
              <a:extLst>
                <a:ext uri="{63B3BB69-23CF-44E3-9099-C40C66FF867C}">
                  <a14:compatExt spid="_x0000_s21514"/>
                </a:ext>
                <a:ext uri="{FF2B5EF4-FFF2-40B4-BE49-F238E27FC236}">
                  <a16:creationId xmlns:a16="http://schemas.microsoft.com/office/drawing/2014/main" id="{00000000-0008-0000-0100-00000A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5720</xdr:colOff>
          <xdr:row>60</xdr:row>
          <xdr:rowOff>7620</xdr:rowOff>
        </xdr:from>
        <xdr:to>
          <xdr:col>4</xdr:col>
          <xdr:colOff>45720</xdr:colOff>
          <xdr:row>61</xdr:row>
          <xdr:rowOff>22860</xdr:rowOff>
        </xdr:to>
        <xdr:sp macro="" textlink="">
          <xdr:nvSpPr>
            <xdr:cNvPr id="21515" name="Option Button 11" hidden="1">
              <a:extLst>
                <a:ext uri="{63B3BB69-23CF-44E3-9099-C40C66FF867C}">
                  <a14:compatExt spid="_x0000_s21515"/>
                </a:ext>
                <a:ext uri="{FF2B5EF4-FFF2-40B4-BE49-F238E27FC236}">
                  <a16:creationId xmlns:a16="http://schemas.microsoft.com/office/drawing/2014/main" id="{00000000-0008-0000-0100-00000B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5720</xdr:colOff>
          <xdr:row>62</xdr:row>
          <xdr:rowOff>106680</xdr:rowOff>
        </xdr:from>
        <xdr:to>
          <xdr:col>4</xdr:col>
          <xdr:colOff>45720</xdr:colOff>
          <xdr:row>62</xdr:row>
          <xdr:rowOff>365760</xdr:rowOff>
        </xdr:to>
        <xdr:sp macro="" textlink="">
          <xdr:nvSpPr>
            <xdr:cNvPr id="21516" name="Option Button 12" hidden="1">
              <a:extLst>
                <a:ext uri="{63B3BB69-23CF-44E3-9099-C40C66FF867C}">
                  <a14:compatExt spid="_x0000_s21516"/>
                </a:ext>
                <a:ext uri="{FF2B5EF4-FFF2-40B4-BE49-F238E27FC236}">
                  <a16:creationId xmlns:a16="http://schemas.microsoft.com/office/drawing/2014/main" id="{00000000-0008-0000-0100-00000C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5720</xdr:colOff>
          <xdr:row>61</xdr:row>
          <xdr:rowOff>114300</xdr:rowOff>
        </xdr:from>
        <xdr:to>
          <xdr:col>4</xdr:col>
          <xdr:colOff>45720</xdr:colOff>
          <xdr:row>61</xdr:row>
          <xdr:rowOff>373380</xdr:rowOff>
        </xdr:to>
        <xdr:sp macro="" textlink="">
          <xdr:nvSpPr>
            <xdr:cNvPr id="21517" name="Option Button 13" hidden="1">
              <a:extLst>
                <a:ext uri="{63B3BB69-23CF-44E3-9099-C40C66FF867C}">
                  <a14:compatExt spid="_x0000_s21517"/>
                </a:ext>
                <a:ext uri="{FF2B5EF4-FFF2-40B4-BE49-F238E27FC236}">
                  <a16:creationId xmlns:a16="http://schemas.microsoft.com/office/drawing/2014/main" id="{00000000-0008-0000-0100-00000D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74320</xdr:colOff>
          <xdr:row>57</xdr:row>
          <xdr:rowOff>335280</xdr:rowOff>
        </xdr:from>
        <xdr:to>
          <xdr:col>3</xdr:col>
          <xdr:colOff>274320</xdr:colOff>
          <xdr:row>57</xdr:row>
          <xdr:rowOff>594360</xdr:rowOff>
        </xdr:to>
        <xdr:sp macro="" textlink="">
          <xdr:nvSpPr>
            <xdr:cNvPr id="21518" name="Option Button 14" hidden="1">
              <a:extLst>
                <a:ext uri="{63B3BB69-23CF-44E3-9099-C40C66FF867C}">
                  <a14:compatExt spid="_x0000_s21518"/>
                </a:ext>
                <a:ext uri="{FF2B5EF4-FFF2-40B4-BE49-F238E27FC236}">
                  <a16:creationId xmlns:a16="http://schemas.microsoft.com/office/drawing/2014/main" id="{00000000-0008-0000-0100-00000E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74320</xdr:colOff>
          <xdr:row>57</xdr:row>
          <xdr:rowOff>518160</xdr:rowOff>
        </xdr:from>
        <xdr:to>
          <xdr:col>3</xdr:col>
          <xdr:colOff>274320</xdr:colOff>
          <xdr:row>58</xdr:row>
          <xdr:rowOff>7620</xdr:rowOff>
        </xdr:to>
        <xdr:sp macro="" textlink="">
          <xdr:nvSpPr>
            <xdr:cNvPr id="21519" name="Option Button 15" hidden="1">
              <a:extLst>
                <a:ext uri="{63B3BB69-23CF-44E3-9099-C40C66FF867C}">
                  <a14:compatExt spid="_x0000_s21519"/>
                </a:ext>
                <a:ext uri="{FF2B5EF4-FFF2-40B4-BE49-F238E27FC236}">
                  <a16:creationId xmlns:a16="http://schemas.microsoft.com/office/drawing/2014/main" id="{00000000-0008-0000-0100-00000F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60960</xdr:colOff>
          <xdr:row>57</xdr:row>
          <xdr:rowOff>335280</xdr:rowOff>
        </xdr:from>
        <xdr:to>
          <xdr:col>10</xdr:col>
          <xdr:colOff>365760</xdr:colOff>
          <xdr:row>57</xdr:row>
          <xdr:rowOff>594360</xdr:rowOff>
        </xdr:to>
        <xdr:sp macro="" textlink="">
          <xdr:nvSpPr>
            <xdr:cNvPr id="21520" name="Option Button 16" hidden="1">
              <a:extLst>
                <a:ext uri="{63B3BB69-23CF-44E3-9099-C40C66FF867C}">
                  <a14:compatExt spid="_x0000_s21520"/>
                </a:ext>
                <a:ext uri="{FF2B5EF4-FFF2-40B4-BE49-F238E27FC236}">
                  <a16:creationId xmlns:a16="http://schemas.microsoft.com/office/drawing/2014/main" id="{00000000-0008-0000-0100-000010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5720</xdr:colOff>
          <xdr:row>57</xdr:row>
          <xdr:rowOff>518160</xdr:rowOff>
        </xdr:from>
        <xdr:to>
          <xdr:col>10</xdr:col>
          <xdr:colOff>350520</xdr:colOff>
          <xdr:row>58</xdr:row>
          <xdr:rowOff>7620</xdr:rowOff>
        </xdr:to>
        <xdr:sp macro="" textlink="">
          <xdr:nvSpPr>
            <xdr:cNvPr id="21521" name="Option Button 17" hidden="1">
              <a:extLst>
                <a:ext uri="{63B3BB69-23CF-44E3-9099-C40C66FF867C}">
                  <a14:compatExt spid="_x0000_s21521"/>
                </a:ext>
                <a:ext uri="{FF2B5EF4-FFF2-40B4-BE49-F238E27FC236}">
                  <a16:creationId xmlns:a16="http://schemas.microsoft.com/office/drawing/2014/main" id="{00000000-0008-0000-0100-0000115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34" Type="http://schemas.openxmlformats.org/officeDocument/2006/relationships/ctrlProp" Target="../ctrlProps/ctrlProp3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38.xml"/><Relationship Id="rId13" Type="http://schemas.openxmlformats.org/officeDocument/2006/relationships/ctrlProp" Target="../ctrlProps/ctrlProp43.xml"/><Relationship Id="rId18" Type="http://schemas.openxmlformats.org/officeDocument/2006/relationships/ctrlProp" Target="../ctrlProps/ctrlProp48.xml"/><Relationship Id="rId3" Type="http://schemas.openxmlformats.org/officeDocument/2006/relationships/vmlDrawing" Target="../drawings/vmlDrawing2.vml"/><Relationship Id="rId7" Type="http://schemas.openxmlformats.org/officeDocument/2006/relationships/ctrlProp" Target="../ctrlProps/ctrlProp37.xml"/><Relationship Id="rId12" Type="http://schemas.openxmlformats.org/officeDocument/2006/relationships/ctrlProp" Target="../ctrlProps/ctrlProp42.xml"/><Relationship Id="rId17" Type="http://schemas.openxmlformats.org/officeDocument/2006/relationships/ctrlProp" Target="../ctrlProps/ctrlProp47.xml"/><Relationship Id="rId2" Type="http://schemas.openxmlformats.org/officeDocument/2006/relationships/drawing" Target="../drawings/drawing2.xml"/><Relationship Id="rId16" Type="http://schemas.openxmlformats.org/officeDocument/2006/relationships/ctrlProp" Target="../ctrlProps/ctrlProp46.xml"/><Relationship Id="rId20" Type="http://schemas.openxmlformats.org/officeDocument/2006/relationships/ctrlProp" Target="../ctrlProps/ctrlProp50.xml"/><Relationship Id="rId1" Type="http://schemas.openxmlformats.org/officeDocument/2006/relationships/printerSettings" Target="../printerSettings/printerSettings2.bin"/><Relationship Id="rId6" Type="http://schemas.openxmlformats.org/officeDocument/2006/relationships/ctrlProp" Target="../ctrlProps/ctrlProp36.xml"/><Relationship Id="rId11" Type="http://schemas.openxmlformats.org/officeDocument/2006/relationships/ctrlProp" Target="../ctrlProps/ctrlProp41.xml"/><Relationship Id="rId5" Type="http://schemas.openxmlformats.org/officeDocument/2006/relationships/ctrlProp" Target="../ctrlProps/ctrlProp35.xml"/><Relationship Id="rId15" Type="http://schemas.openxmlformats.org/officeDocument/2006/relationships/ctrlProp" Target="../ctrlProps/ctrlProp45.xml"/><Relationship Id="rId10" Type="http://schemas.openxmlformats.org/officeDocument/2006/relationships/ctrlProp" Target="../ctrlProps/ctrlProp40.xml"/><Relationship Id="rId19" Type="http://schemas.openxmlformats.org/officeDocument/2006/relationships/ctrlProp" Target="../ctrlProps/ctrlProp49.xml"/><Relationship Id="rId4" Type="http://schemas.openxmlformats.org/officeDocument/2006/relationships/ctrlProp" Target="../ctrlProps/ctrlProp34.xml"/><Relationship Id="rId9" Type="http://schemas.openxmlformats.org/officeDocument/2006/relationships/ctrlProp" Target="../ctrlProps/ctrlProp39.xml"/><Relationship Id="rId14" Type="http://schemas.openxmlformats.org/officeDocument/2006/relationships/ctrlProp" Target="../ctrlProps/ctrlProp44.xm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D89"/>
  <sheetViews>
    <sheetView tabSelected="1" view="pageBreakPreview" zoomScale="70" zoomScaleNormal="70" zoomScaleSheetLayoutView="70" zoomScalePageLayoutView="70" workbookViewId="0">
      <selection activeCell="A56" sqref="A56:AB58"/>
    </sheetView>
  </sheetViews>
  <sheetFormatPr defaultColWidth="3.09765625" defaultRowHeight="22.5" customHeight="1" x14ac:dyDescent="0.3"/>
  <cols>
    <col min="1" max="6" width="3.09765625" style="1"/>
    <col min="7" max="9" width="3.09765625" style="1" customWidth="1"/>
    <col min="10" max="24" width="3.09765625" style="1"/>
    <col min="25" max="25" width="3.69921875" style="1" customWidth="1"/>
    <col min="26" max="27" width="3.09765625" style="2"/>
    <col min="28" max="28" width="5.59765625" style="2" customWidth="1"/>
    <col min="29" max="16384" width="3.09765625" style="1"/>
  </cols>
  <sheetData>
    <row r="1" spans="1:30" ht="19.5" customHeight="1" x14ac:dyDescent="0.3">
      <c r="A1" s="127"/>
      <c r="B1" s="127"/>
      <c r="C1" s="127"/>
      <c r="D1" s="127"/>
      <c r="E1" s="127"/>
      <c r="F1" s="127"/>
      <c r="G1" s="127"/>
      <c r="H1" s="127"/>
      <c r="I1" s="127"/>
      <c r="J1" s="127"/>
      <c r="K1" s="127"/>
      <c r="L1" s="127"/>
      <c r="M1" s="127"/>
      <c r="N1" s="127"/>
      <c r="O1" s="127"/>
      <c r="P1" s="127"/>
      <c r="Q1" s="127"/>
      <c r="R1" s="127"/>
      <c r="S1" s="127"/>
      <c r="T1" s="127"/>
      <c r="U1" s="127"/>
      <c r="V1" s="127"/>
      <c r="W1" s="127"/>
      <c r="X1" s="127"/>
      <c r="Y1" s="127"/>
      <c r="Z1" s="127"/>
      <c r="AA1" s="127"/>
      <c r="AB1" s="127"/>
    </row>
    <row r="2" spans="1:30" s="3" customFormat="1" ht="22.5" customHeight="1" x14ac:dyDescent="0.35">
      <c r="A2" s="128" t="s">
        <v>236</v>
      </c>
      <c r="B2" s="128"/>
      <c r="C2" s="128"/>
      <c r="D2" s="128"/>
      <c r="E2" s="128"/>
      <c r="F2" s="128"/>
      <c r="G2" s="128"/>
      <c r="H2" s="128"/>
      <c r="I2" s="128"/>
      <c r="J2" s="128"/>
      <c r="K2" s="128"/>
      <c r="L2" s="128"/>
      <c r="M2" s="128"/>
      <c r="N2" s="128"/>
      <c r="O2" s="128"/>
      <c r="P2" s="128"/>
      <c r="Q2" s="128"/>
      <c r="R2" s="128"/>
      <c r="S2" s="128"/>
      <c r="T2" s="128"/>
      <c r="U2" s="128"/>
      <c r="V2" s="128"/>
      <c r="W2" s="128"/>
      <c r="X2" s="128"/>
      <c r="Y2" s="128"/>
      <c r="Z2" s="128"/>
      <c r="AA2" s="128"/>
      <c r="AB2" s="128"/>
    </row>
    <row r="3" spans="1:30" s="3" customFormat="1" ht="10.5" customHeight="1" x14ac:dyDescent="0.35">
      <c r="A3" s="48"/>
      <c r="B3" s="48"/>
      <c r="C3" s="48"/>
      <c r="D3" s="48"/>
      <c r="E3" s="48"/>
      <c r="F3" s="48"/>
      <c r="G3" s="48"/>
      <c r="H3" s="48"/>
      <c r="I3" s="48"/>
      <c r="J3" s="48"/>
      <c r="K3" s="48"/>
      <c r="L3" s="48"/>
      <c r="M3" s="48"/>
      <c r="N3" s="48"/>
      <c r="O3" s="48"/>
      <c r="P3" s="48"/>
      <c r="Q3" s="48"/>
      <c r="R3" s="48"/>
      <c r="S3" s="48"/>
      <c r="T3" s="48"/>
      <c r="U3" s="48"/>
      <c r="V3" s="48"/>
      <c r="W3" s="48"/>
      <c r="X3" s="48"/>
      <c r="Y3" s="48"/>
      <c r="Z3" s="48"/>
      <c r="AA3" s="48"/>
      <c r="AB3" s="48"/>
    </row>
    <row r="4" spans="1:30" s="4" customFormat="1" ht="22.5" customHeight="1" x14ac:dyDescent="0.35">
      <c r="A4" s="49"/>
      <c r="B4" s="49"/>
      <c r="C4" s="49"/>
      <c r="D4" s="49"/>
      <c r="E4" s="49"/>
      <c r="F4" s="49"/>
      <c r="G4" s="130" t="s">
        <v>0</v>
      </c>
      <c r="H4" s="130"/>
      <c r="I4" s="130"/>
      <c r="J4" s="130"/>
      <c r="K4" s="130"/>
      <c r="L4" s="130"/>
      <c r="M4" s="50"/>
      <c r="N4" s="50"/>
      <c r="O4" s="51"/>
      <c r="P4" s="51"/>
      <c r="Q4" s="51"/>
      <c r="R4" s="51"/>
      <c r="S4" s="51"/>
      <c r="T4" s="51"/>
      <c r="U4" s="51"/>
      <c r="V4" s="51"/>
      <c r="W4" s="51"/>
      <c r="X4" s="51"/>
      <c r="Y4" s="51"/>
      <c r="Z4" s="51"/>
      <c r="AA4" s="51"/>
      <c r="AB4" s="52"/>
    </row>
    <row r="5" spans="1:30" s="4" customFormat="1" ht="22.5" customHeight="1" x14ac:dyDescent="0.35">
      <c r="A5" s="49"/>
      <c r="B5" s="49"/>
      <c r="C5" s="49"/>
      <c r="D5" s="49"/>
      <c r="E5" s="49"/>
      <c r="F5" s="49"/>
      <c r="G5" s="130" t="s">
        <v>1</v>
      </c>
      <c r="H5" s="130"/>
      <c r="I5" s="130"/>
      <c r="J5" s="130"/>
      <c r="K5" s="130"/>
      <c r="L5" s="130"/>
      <c r="M5" s="50"/>
      <c r="N5" s="50"/>
      <c r="O5" s="53"/>
      <c r="P5" s="53"/>
      <c r="Q5" s="53"/>
      <c r="R5" s="53"/>
      <c r="S5" s="53"/>
      <c r="T5" s="53"/>
      <c r="U5" s="53"/>
      <c r="V5" s="53"/>
      <c r="W5" s="53"/>
      <c r="X5" s="53"/>
      <c r="Y5" s="53"/>
      <c r="Z5" s="53"/>
      <c r="AA5" s="53"/>
      <c r="AB5" s="54"/>
    </row>
    <row r="6" spans="1:30" s="4" customFormat="1" ht="22.5" customHeight="1" x14ac:dyDescent="0.35">
      <c r="A6" s="49"/>
      <c r="B6" s="49"/>
      <c r="C6" s="49"/>
      <c r="D6" s="49"/>
      <c r="E6" s="49"/>
      <c r="F6" s="49"/>
      <c r="G6" s="130" t="s">
        <v>6</v>
      </c>
      <c r="H6" s="130"/>
      <c r="I6" s="130"/>
      <c r="J6" s="130"/>
      <c r="K6" s="130"/>
      <c r="L6" s="130"/>
      <c r="M6" s="50"/>
      <c r="N6" s="50"/>
      <c r="O6" s="53"/>
      <c r="P6" s="53"/>
      <c r="Q6" s="53"/>
      <c r="R6" s="53"/>
      <c r="S6" s="53"/>
      <c r="T6" s="53"/>
      <c r="U6" s="53"/>
      <c r="V6" s="53"/>
      <c r="W6" s="53"/>
      <c r="X6" s="53"/>
      <c r="Y6" s="53"/>
      <c r="Z6" s="53"/>
      <c r="AA6" s="53"/>
      <c r="AB6" s="54"/>
    </row>
    <row r="7" spans="1:30" ht="15" customHeight="1" x14ac:dyDescent="0.3">
      <c r="A7" s="129"/>
      <c r="B7" s="129"/>
      <c r="C7" s="129"/>
      <c r="D7" s="129"/>
      <c r="E7" s="129"/>
      <c r="F7" s="129"/>
      <c r="G7" s="129"/>
      <c r="H7" s="129"/>
      <c r="I7" s="129"/>
      <c r="J7" s="129"/>
      <c r="K7" s="129"/>
      <c r="L7" s="129"/>
      <c r="M7" s="129"/>
      <c r="N7" s="129"/>
      <c r="O7" s="129"/>
      <c r="P7" s="129"/>
      <c r="Q7" s="129"/>
      <c r="R7" s="129"/>
      <c r="S7" s="129"/>
      <c r="T7" s="129"/>
      <c r="U7" s="129"/>
      <c r="V7" s="129"/>
      <c r="W7" s="129"/>
      <c r="X7" s="129"/>
      <c r="Y7" s="129"/>
      <c r="Z7" s="129"/>
      <c r="AA7" s="129"/>
      <c r="AB7" s="129"/>
    </row>
    <row r="8" spans="1:30" ht="15" customHeight="1" x14ac:dyDescent="0.3">
      <c r="A8" s="231" t="s">
        <v>240</v>
      </c>
      <c r="B8" s="231"/>
      <c r="C8" s="231"/>
      <c r="D8" s="231"/>
      <c r="E8" s="231"/>
      <c r="F8" s="231"/>
      <c r="G8" s="231"/>
      <c r="H8" s="231"/>
      <c r="I8" s="231"/>
      <c r="J8" s="231"/>
      <c r="K8" s="231"/>
      <c r="L8" s="231"/>
      <c r="M8" s="231"/>
      <c r="N8" s="231"/>
      <c r="O8" s="231"/>
      <c r="P8" s="231"/>
      <c r="Q8" s="231"/>
      <c r="R8" s="231"/>
      <c r="S8" s="231"/>
      <c r="T8" s="231"/>
      <c r="U8" s="231"/>
      <c r="V8" s="231"/>
      <c r="W8" s="231"/>
      <c r="X8" s="231"/>
      <c r="Y8" s="231"/>
      <c r="Z8" s="231"/>
      <c r="AA8" s="231"/>
      <c r="AB8" s="231"/>
      <c r="AC8" s="231"/>
      <c r="AD8" s="231"/>
    </row>
    <row r="9" spans="1:30" ht="15" customHeight="1" x14ac:dyDescent="0.3">
      <c r="A9" s="231" t="s">
        <v>241</v>
      </c>
      <c r="B9" s="231"/>
      <c r="C9" s="231"/>
      <c r="D9" s="231"/>
      <c r="E9" s="231"/>
      <c r="F9" s="231"/>
      <c r="G9" s="231"/>
      <c r="H9" s="231"/>
      <c r="I9" s="231"/>
      <c r="J9" s="231"/>
      <c r="K9" s="231"/>
      <c r="L9" s="231"/>
      <c r="M9" s="231"/>
      <c r="N9" s="231"/>
      <c r="O9" s="231"/>
      <c r="P9" s="231"/>
      <c r="Q9" s="231"/>
      <c r="R9" s="231"/>
      <c r="S9" s="231"/>
      <c r="T9" s="231"/>
      <c r="U9" s="231"/>
      <c r="V9" s="231"/>
      <c r="W9" s="231"/>
      <c r="X9" s="231"/>
      <c r="Y9" s="231"/>
      <c r="Z9" s="231"/>
      <c r="AA9" s="231"/>
      <c r="AB9" s="231"/>
      <c r="AC9" s="231"/>
      <c r="AD9" s="231"/>
    </row>
    <row r="10" spans="1:30" s="5" customFormat="1" ht="15" customHeight="1" x14ac:dyDescent="0.3">
      <c r="A10" s="125" t="s">
        <v>237</v>
      </c>
      <c r="B10" s="125"/>
      <c r="C10" s="125"/>
      <c r="D10" s="125"/>
      <c r="E10" s="125"/>
      <c r="F10" s="125"/>
      <c r="G10" s="125"/>
      <c r="H10" s="125"/>
      <c r="I10" s="125"/>
      <c r="J10" s="125"/>
      <c r="K10" s="125"/>
      <c r="L10" s="125"/>
      <c r="M10" s="125"/>
      <c r="N10" s="125"/>
      <c r="O10" s="125"/>
      <c r="P10" s="125"/>
      <c r="Q10" s="125"/>
      <c r="R10" s="125"/>
      <c r="S10" s="125"/>
      <c r="T10" s="125"/>
      <c r="U10" s="125"/>
      <c r="V10" s="125"/>
      <c r="W10" s="125"/>
      <c r="X10" s="125"/>
      <c r="Y10" s="125"/>
      <c r="Z10" s="125"/>
      <c r="AA10" s="125"/>
      <c r="AB10" s="125"/>
    </row>
    <row r="11" spans="1:30" s="5" customFormat="1" ht="15" customHeight="1" thickBot="1" x14ac:dyDescent="0.35">
      <c r="A11" s="126" t="s">
        <v>203</v>
      </c>
      <c r="B11" s="126"/>
      <c r="C11" s="126"/>
      <c r="D11" s="126"/>
      <c r="E11" s="126"/>
      <c r="F11" s="126"/>
      <c r="G11" s="126"/>
      <c r="H11" s="126"/>
      <c r="I11" s="126"/>
      <c r="J11" s="126"/>
      <c r="K11" s="126"/>
      <c r="L11" s="126"/>
      <c r="M11" s="126"/>
      <c r="N11" s="126"/>
      <c r="O11" s="126"/>
      <c r="P11" s="126"/>
      <c r="Q11" s="126"/>
      <c r="R11" s="126"/>
      <c r="S11" s="126"/>
      <c r="T11" s="126"/>
      <c r="U11" s="126"/>
      <c r="V11" s="126"/>
      <c r="W11" s="126"/>
      <c r="X11" s="126"/>
      <c r="Y11" s="126"/>
      <c r="Z11" s="126"/>
      <c r="AA11" s="126"/>
      <c r="AB11" s="126"/>
    </row>
    <row r="12" spans="1:30" ht="19.5" customHeight="1" thickBot="1" x14ac:dyDescent="0.35">
      <c r="A12" s="91" t="s">
        <v>2</v>
      </c>
      <c r="B12" s="92"/>
      <c r="C12" s="92"/>
      <c r="D12" s="92"/>
      <c r="E12" s="92"/>
      <c r="F12" s="93"/>
      <c r="G12" s="98" t="s">
        <v>195</v>
      </c>
      <c r="H12" s="92"/>
      <c r="I12" s="92"/>
      <c r="J12" s="92"/>
      <c r="K12" s="92"/>
      <c r="L12" s="92"/>
      <c r="M12" s="92"/>
      <c r="N12" s="92"/>
      <c r="O12" s="92"/>
      <c r="P12" s="92"/>
      <c r="Q12" s="92"/>
      <c r="R12" s="92"/>
      <c r="S12" s="92"/>
      <c r="T12" s="92"/>
      <c r="U12" s="92"/>
      <c r="V12" s="92"/>
      <c r="W12" s="92"/>
      <c r="X12" s="92"/>
      <c r="Y12" s="92"/>
      <c r="Z12" s="92"/>
      <c r="AA12" s="92"/>
      <c r="AB12" s="99"/>
    </row>
    <row r="13" spans="1:30" ht="16.5" customHeight="1" x14ac:dyDescent="0.3">
      <c r="A13" s="94" t="s">
        <v>192</v>
      </c>
      <c r="B13" s="95"/>
      <c r="C13" s="95"/>
      <c r="D13" s="95"/>
      <c r="E13" s="95"/>
      <c r="F13" s="96"/>
      <c r="G13" s="100" t="s">
        <v>205</v>
      </c>
      <c r="H13" s="101"/>
      <c r="I13" s="101"/>
      <c r="J13" s="101"/>
      <c r="K13" s="101"/>
      <c r="L13" s="101"/>
      <c r="M13" s="101"/>
      <c r="N13" s="101"/>
      <c r="O13" s="101"/>
      <c r="P13" s="101"/>
      <c r="Q13" s="101"/>
      <c r="R13" s="101"/>
      <c r="S13" s="101"/>
      <c r="T13" s="101"/>
      <c r="U13" s="101"/>
      <c r="V13" s="101"/>
      <c r="W13" s="101"/>
      <c r="X13" s="101"/>
      <c r="Y13" s="101"/>
      <c r="Z13" s="101"/>
      <c r="AA13" s="101"/>
      <c r="AB13" s="102"/>
    </row>
    <row r="14" spans="1:30" ht="16.5" customHeight="1" x14ac:dyDescent="0.3">
      <c r="A14" s="58"/>
      <c r="B14" s="70"/>
      <c r="C14" s="70"/>
      <c r="D14" s="70"/>
      <c r="E14" s="70"/>
      <c r="F14" s="60"/>
      <c r="G14" s="64" t="s">
        <v>207</v>
      </c>
      <c r="H14" s="84"/>
      <c r="I14" s="84"/>
      <c r="J14" s="84"/>
      <c r="K14" s="84"/>
      <c r="L14" s="84"/>
      <c r="M14" s="84"/>
      <c r="N14" s="84"/>
      <c r="O14" s="84"/>
      <c r="P14" s="84"/>
      <c r="Q14" s="84"/>
      <c r="R14" s="84"/>
      <c r="S14" s="84"/>
      <c r="T14" s="84"/>
      <c r="U14" s="84"/>
      <c r="V14" s="84"/>
      <c r="W14" s="84"/>
      <c r="X14" s="84"/>
      <c r="Y14" s="84"/>
      <c r="Z14" s="84"/>
      <c r="AA14" s="84"/>
      <c r="AB14" s="66"/>
    </row>
    <row r="15" spans="1:30" ht="16.5" customHeight="1" x14ac:dyDescent="0.3">
      <c r="A15" s="58"/>
      <c r="B15" s="70"/>
      <c r="C15" s="70"/>
      <c r="D15" s="70"/>
      <c r="E15" s="70"/>
      <c r="F15" s="60"/>
      <c r="G15" s="64" t="s">
        <v>206</v>
      </c>
      <c r="H15" s="83"/>
      <c r="I15" s="83"/>
      <c r="J15" s="83"/>
      <c r="K15" s="83"/>
      <c r="L15" s="83"/>
      <c r="M15" s="83"/>
      <c r="N15" s="83"/>
      <c r="O15" s="83"/>
      <c r="P15" s="83"/>
      <c r="Q15" s="83"/>
      <c r="R15" s="83"/>
      <c r="S15" s="83"/>
      <c r="T15" s="83"/>
      <c r="U15" s="83"/>
      <c r="V15" s="83"/>
      <c r="W15" s="83"/>
      <c r="X15" s="83"/>
      <c r="Y15" s="83"/>
      <c r="Z15" s="83"/>
      <c r="AA15" s="83"/>
      <c r="AB15" s="103"/>
    </row>
    <row r="16" spans="1:30" ht="16.5" customHeight="1" x14ac:dyDescent="0.3">
      <c r="A16" s="58"/>
      <c r="B16" s="70"/>
      <c r="C16" s="70"/>
      <c r="D16" s="70"/>
      <c r="E16" s="70"/>
      <c r="F16" s="60"/>
      <c r="G16" s="64" t="s">
        <v>208</v>
      </c>
      <c r="H16" s="83"/>
      <c r="I16" s="83"/>
      <c r="J16" s="83"/>
      <c r="K16" s="83"/>
      <c r="L16" s="83"/>
      <c r="M16" s="83"/>
      <c r="N16" s="83"/>
      <c r="O16" s="83"/>
      <c r="P16" s="83"/>
      <c r="Q16" s="83"/>
      <c r="R16" s="83"/>
      <c r="S16" s="83"/>
      <c r="T16" s="83"/>
      <c r="U16" s="83"/>
      <c r="V16" s="83"/>
      <c r="W16" s="83"/>
      <c r="X16" s="83"/>
      <c r="Y16" s="84"/>
      <c r="Z16" s="84"/>
      <c r="AA16" s="84"/>
      <c r="AB16" s="66"/>
    </row>
    <row r="17" spans="1:28" ht="16.5" customHeight="1" x14ac:dyDescent="0.3">
      <c r="A17" s="71"/>
      <c r="B17" s="72"/>
      <c r="C17" s="72"/>
      <c r="D17" s="72"/>
      <c r="E17" s="72"/>
      <c r="F17" s="73"/>
      <c r="G17" s="85" t="s">
        <v>209</v>
      </c>
      <c r="H17" s="86"/>
      <c r="I17" s="86"/>
      <c r="J17" s="86"/>
      <c r="K17" s="86"/>
      <c r="L17" s="86"/>
      <c r="M17" s="86"/>
      <c r="N17" s="86"/>
      <c r="O17" s="86"/>
      <c r="P17" s="86"/>
      <c r="Q17" s="86"/>
      <c r="R17" s="86"/>
      <c r="S17" s="86"/>
      <c r="T17" s="86"/>
      <c r="U17" s="86"/>
      <c r="V17" s="86"/>
      <c r="W17" s="86"/>
      <c r="X17" s="86"/>
      <c r="Y17" s="68"/>
      <c r="Z17" s="68"/>
      <c r="AA17" s="68"/>
      <c r="AB17" s="69"/>
    </row>
    <row r="18" spans="1:28" ht="16.5" customHeight="1" x14ac:dyDescent="0.3">
      <c r="A18" s="55" t="s">
        <v>193</v>
      </c>
      <c r="B18" s="56"/>
      <c r="C18" s="56"/>
      <c r="D18" s="56"/>
      <c r="E18" s="56"/>
      <c r="F18" s="57"/>
      <c r="G18" s="87" t="s">
        <v>212</v>
      </c>
      <c r="H18" s="89"/>
      <c r="I18" s="89"/>
      <c r="J18" s="89"/>
      <c r="K18" s="89"/>
      <c r="L18" s="89"/>
      <c r="M18" s="89"/>
      <c r="N18" s="89"/>
      <c r="O18" s="89"/>
      <c r="P18" s="89"/>
      <c r="Q18" s="89"/>
      <c r="R18" s="89"/>
      <c r="S18" s="89"/>
      <c r="T18" s="89"/>
      <c r="U18" s="89"/>
      <c r="V18" s="89"/>
      <c r="W18" s="89"/>
      <c r="X18" s="89"/>
      <c r="Y18" s="89"/>
      <c r="Z18" s="89"/>
      <c r="AA18" s="89"/>
      <c r="AB18" s="90"/>
    </row>
    <row r="19" spans="1:28" ht="16.5" customHeight="1" x14ac:dyDescent="0.3">
      <c r="A19" s="58"/>
      <c r="B19" s="70"/>
      <c r="C19" s="70"/>
      <c r="D19" s="70"/>
      <c r="E19" s="70"/>
      <c r="F19" s="60"/>
      <c r="G19" s="64" t="s">
        <v>210</v>
      </c>
      <c r="H19" s="84"/>
      <c r="I19" s="84"/>
      <c r="J19" s="84"/>
      <c r="K19" s="84"/>
      <c r="L19" s="84"/>
      <c r="M19" s="84"/>
      <c r="N19" s="84"/>
      <c r="O19" s="84"/>
      <c r="P19" s="84"/>
      <c r="Q19" s="84"/>
      <c r="R19" s="84"/>
      <c r="S19" s="84"/>
      <c r="T19" s="84"/>
      <c r="U19" s="84"/>
      <c r="V19" s="84"/>
      <c r="W19" s="84"/>
      <c r="X19" s="84"/>
      <c r="Y19" s="84"/>
      <c r="Z19" s="84"/>
      <c r="AA19" s="84"/>
      <c r="AB19" s="66"/>
    </row>
    <row r="20" spans="1:28" ht="16.5" customHeight="1" x14ac:dyDescent="0.3">
      <c r="A20" s="58"/>
      <c r="B20" s="70"/>
      <c r="C20" s="70"/>
      <c r="D20" s="70"/>
      <c r="E20" s="70"/>
      <c r="F20" s="60"/>
      <c r="G20" s="64" t="s">
        <v>211</v>
      </c>
      <c r="H20" s="83"/>
      <c r="I20" s="83"/>
      <c r="J20" s="83"/>
      <c r="K20" s="83"/>
      <c r="L20" s="83"/>
      <c r="M20" s="83"/>
      <c r="N20" s="83"/>
      <c r="O20" s="83"/>
      <c r="P20" s="83"/>
      <c r="Q20" s="83"/>
      <c r="R20" s="83"/>
      <c r="S20" s="83"/>
      <c r="T20" s="83"/>
      <c r="U20" s="83"/>
      <c r="V20" s="83"/>
      <c r="W20" s="83"/>
      <c r="X20" s="83"/>
      <c r="Y20" s="84"/>
      <c r="Z20" s="84"/>
      <c r="AA20" s="84"/>
      <c r="AB20" s="66"/>
    </row>
    <row r="21" spans="1:28" ht="16.5" customHeight="1" x14ac:dyDescent="0.3">
      <c r="A21" s="58"/>
      <c r="B21" s="70"/>
      <c r="C21" s="70"/>
      <c r="D21" s="70"/>
      <c r="E21" s="70"/>
      <c r="F21" s="60"/>
      <c r="G21" s="64" t="s">
        <v>213</v>
      </c>
      <c r="H21" s="83"/>
      <c r="I21" s="83"/>
      <c r="J21" s="83"/>
      <c r="K21" s="83"/>
      <c r="L21" s="83"/>
      <c r="M21" s="83"/>
      <c r="N21" s="83"/>
      <c r="O21" s="83"/>
      <c r="P21" s="83"/>
      <c r="Q21" s="83"/>
      <c r="R21" s="83"/>
      <c r="S21" s="83"/>
      <c r="T21" s="83"/>
      <c r="U21" s="83"/>
      <c r="V21" s="83"/>
      <c r="W21" s="83"/>
      <c r="X21" s="83"/>
      <c r="Y21" s="84"/>
      <c r="Z21" s="84"/>
      <c r="AA21" s="84"/>
      <c r="AB21" s="66"/>
    </row>
    <row r="22" spans="1:28" ht="16.5" customHeight="1" x14ac:dyDescent="0.3">
      <c r="A22" s="71"/>
      <c r="B22" s="72"/>
      <c r="C22" s="72"/>
      <c r="D22" s="72"/>
      <c r="E22" s="72"/>
      <c r="F22" s="73"/>
      <c r="G22" s="85" t="s">
        <v>238</v>
      </c>
      <c r="H22" s="86"/>
      <c r="I22" s="86"/>
      <c r="J22" s="86"/>
      <c r="K22" s="86"/>
      <c r="L22" s="86"/>
      <c r="M22" s="86"/>
      <c r="N22" s="86"/>
      <c r="O22" s="86"/>
      <c r="P22" s="86"/>
      <c r="Q22" s="86"/>
      <c r="R22" s="86"/>
      <c r="S22" s="86"/>
      <c r="T22" s="86"/>
      <c r="U22" s="86"/>
      <c r="V22" s="86"/>
      <c r="W22" s="86"/>
      <c r="X22" s="86"/>
      <c r="Y22" s="68"/>
      <c r="Z22" s="68"/>
      <c r="AA22" s="68"/>
      <c r="AB22" s="69"/>
    </row>
    <row r="23" spans="1:28" ht="16.5" customHeight="1" x14ac:dyDescent="0.3">
      <c r="A23" s="55" t="s">
        <v>202</v>
      </c>
      <c r="B23" s="56"/>
      <c r="C23" s="56"/>
      <c r="D23" s="56"/>
      <c r="E23" s="56"/>
      <c r="F23" s="57"/>
      <c r="G23" s="87" t="s">
        <v>217</v>
      </c>
      <c r="H23" s="88"/>
      <c r="I23" s="88"/>
      <c r="J23" s="88"/>
      <c r="K23" s="88"/>
      <c r="L23" s="88"/>
      <c r="M23" s="88"/>
      <c r="N23" s="88"/>
      <c r="O23" s="88"/>
      <c r="P23" s="88"/>
      <c r="Q23" s="88"/>
      <c r="R23" s="88"/>
      <c r="S23" s="88"/>
      <c r="T23" s="88"/>
      <c r="U23" s="88"/>
      <c r="V23" s="88"/>
      <c r="W23" s="88"/>
      <c r="X23" s="88"/>
      <c r="Y23" s="89"/>
      <c r="Z23" s="89"/>
      <c r="AA23" s="89"/>
      <c r="AB23" s="90"/>
    </row>
    <row r="24" spans="1:28" ht="16.5" customHeight="1" x14ac:dyDescent="0.3">
      <c r="A24" s="58"/>
      <c r="B24" s="70"/>
      <c r="C24" s="70"/>
      <c r="D24" s="70"/>
      <c r="E24" s="70"/>
      <c r="F24" s="60"/>
      <c r="G24" s="64" t="s">
        <v>214</v>
      </c>
      <c r="H24" s="83"/>
      <c r="I24" s="83"/>
      <c r="J24" s="83"/>
      <c r="K24" s="83"/>
      <c r="L24" s="83"/>
      <c r="M24" s="83"/>
      <c r="N24" s="83"/>
      <c r="O24" s="83"/>
      <c r="P24" s="83"/>
      <c r="Q24" s="83"/>
      <c r="R24" s="83"/>
      <c r="S24" s="83"/>
      <c r="T24" s="83"/>
      <c r="U24" s="83"/>
      <c r="V24" s="83"/>
      <c r="W24" s="83"/>
      <c r="X24" s="83"/>
      <c r="Y24" s="84"/>
      <c r="Z24" s="84"/>
      <c r="AA24" s="84"/>
      <c r="AB24" s="66"/>
    </row>
    <row r="25" spans="1:28" ht="16.5" customHeight="1" x14ac:dyDescent="0.3">
      <c r="A25" s="58"/>
      <c r="B25" s="70"/>
      <c r="C25" s="70"/>
      <c r="D25" s="70"/>
      <c r="E25" s="70"/>
      <c r="F25" s="60"/>
      <c r="G25" s="64" t="s">
        <v>215</v>
      </c>
      <c r="H25" s="83"/>
      <c r="I25" s="83"/>
      <c r="J25" s="83"/>
      <c r="K25" s="83"/>
      <c r="L25" s="83"/>
      <c r="M25" s="83"/>
      <c r="N25" s="83"/>
      <c r="O25" s="83"/>
      <c r="P25" s="83"/>
      <c r="Q25" s="83"/>
      <c r="R25" s="83"/>
      <c r="S25" s="83"/>
      <c r="T25" s="83"/>
      <c r="U25" s="83"/>
      <c r="V25" s="83"/>
      <c r="W25" s="83"/>
      <c r="X25" s="83"/>
      <c r="Y25" s="84"/>
      <c r="Z25" s="84"/>
      <c r="AA25" s="84"/>
      <c r="AB25" s="66"/>
    </row>
    <row r="26" spans="1:28" ht="16.5" customHeight="1" x14ac:dyDescent="0.3">
      <c r="A26" s="58"/>
      <c r="B26" s="70"/>
      <c r="C26" s="70"/>
      <c r="D26" s="70"/>
      <c r="E26" s="70"/>
      <c r="F26" s="60"/>
      <c r="G26" s="64" t="s">
        <v>216</v>
      </c>
      <c r="H26" s="83"/>
      <c r="I26" s="83"/>
      <c r="J26" s="83"/>
      <c r="K26" s="83"/>
      <c r="L26" s="83"/>
      <c r="M26" s="83"/>
      <c r="N26" s="83"/>
      <c r="O26" s="83"/>
      <c r="P26" s="83"/>
      <c r="Q26" s="83"/>
      <c r="R26" s="83"/>
      <c r="S26" s="83"/>
      <c r="T26" s="83"/>
      <c r="U26" s="83"/>
      <c r="V26" s="83"/>
      <c r="W26" s="83"/>
      <c r="X26" s="83"/>
      <c r="Y26" s="84"/>
      <c r="Z26" s="84"/>
      <c r="AA26" s="84"/>
      <c r="AB26" s="66"/>
    </row>
    <row r="27" spans="1:28" ht="16.5" customHeight="1" x14ac:dyDescent="0.3">
      <c r="A27" s="71"/>
      <c r="B27" s="72"/>
      <c r="C27" s="72"/>
      <c r="D27" s="72"/>
      <c r="E27" s="72"/>
      <c r="F27" s="73"/>
      <c r="G27" s="64" t="s">
        <v>218</v>
      </c>
      <c r="H27" s="83"/>
      <c r="I27" s="83"/>
      <c r="J27" s="83"/>
      <c r="K27" s="83"/>
      <c r="L27" s="83"/>
      <c r="M27" s="83"/>
      <c r="N27" s="83"/>
      <c r="O27" s="83"/>
      <c r="P27" s="83"/>
      <c r="Q27" s="83"/>
      <c r="R27" s="83"/>
      <c r="S27" s="83"/>
      <c r="T27" s="83"/>
      <c r="U27" s="83"/>
      <c r="V27" s="83"/>
      <c r="W27" s="83"/>
      <c r="X27" s="83"/>
      <c r="Y27" s="84"/>
      <c r="Z27" s="84"/>
      <c r="AA27" s="84"/>
      <c r="AB27" s="66"/>
    </row>
    <row r="28" spans="1:28" ht="16.5" customHeight="1" x14ac:dyDescent="0.3">
      <c r="A28" s="55" t="s">
        <v>219</v>
      </c>
      <c r="B28" s="56"/>
      <c r="C28" s="56"/>
      <c r="D28" s="56"/>
      <c r="E28" s="56"/>
      <c r="F28" s="57"/>
      <c r="G28" s="87" t="s">
        <v>220</v>
      </c>
      <c r="H28" s="88"/>
      <c r="I28" s="88"/>
      <c r="J28" s="88"/>
      <c r="K28" s="88"/>
      <c r="L28" s="88"/>
      <c r="M28" s="88"/>
      <c r="N28" s="88"/>
      <c r="O28" s="88"/>
      <c r="P28" s="88"/>
      <c r="Q28" s="88"/>
      <c r="R28" s="88"/>
      <c r="S28" s="88"/>
      <c r="T28" s="88"/>
      <c r="U28" s="88"/>
      <c r="V28" s="88"/>
      <c r="W28" s="88"/>
      <c r="X28" s="88"/>
      <c r="Y28" s="88"/>
      <c r="Z28" s="88"/>
      <c r="AA28" s="88"/>
      <c r="AB28" s="97"/>
    </row>
    <row r="29" spans="1:28" ht="16.5" customHeight="1" x14ac:dyDescent="0.3">
      <c r="A29" s="58"/>
      <c r="B29" s="70"/>
      <c r="C29" s="70"/>
      <c r="D29" s="70"/>
      <c r="E29" s="70"/>
      <c r="F29" s="60"/>
      <c r="G29" s="64" t="s">
        <v>221</v>
      </c>
      <c r="H29" s="83"/>
      <c r="I29" s="83"/>
      <c r="J29" s="83"/>
      <c r="K29" s="83"/>
      <c r="L29" s="83"/>
      <c r="M29" s="83"/>
      <c r="N29" s="83"/>
      <c r="O29" s="83"/>
      <c r="P29" s="83"/>
      <c r="Q29" s="83"/>
      <c r="R29" s="83"/>
      <c r="S29" s="83"/>
      <c r="T29" s="83"/>
      <c r="U29" s="83"/>
      <c r="V29" s="83"/>
      <c r="W29" s="83"/>
      <c r="X29" s="83"/>
      <c r="Y29" s="84"/>
      <c r="Z29" s="84"/>
      <c r="AA29" s="84"/>
      <c r="AB29" s="66"/>
    </row>
    <row r="30" spans="1:28" ht="16.5" customHeight="1" x14ac:dyDescent="0.3">
      <c r="A30" s="71"/>
      <c r="B30" s="72"/>
      <c r="C30" s="72"/>
      <c r="D30" s="72"/>
      <c r="E30" s="72"/>
      <c r="F30" s="73"/>
      <c r="G30" s="64" t="s">
        <v>222</v>
      </c>
      <c r="H30" s="83"/>
      <c r="I30" s="83"/>
      <c r="J30" s="83"/>
      <c r="K30" s="83"/>
      <c r="L30" s="83"/>
      <c r="M30" s="83"/>
      <c r="N30" s="83"/>
      <c r="O30" s="83"/>
      <c r="P30" s="83"/>
      <c r="Q30" s="83"/>
      <c r="R30" s="83"/>
      <c r="S30" s="83"/>
      <c r="T30" s="83"/>
      <c r="U30" s="83"/>
      <c r="V30" s="83"/>
      <c r="W30" s="83"/>
      <c r="X30" s="83"/>
      <c r="Y30" s="84"/>
      <c r="Z30" s="84"/>
      <c r="AA30" s="84"/>
      <c r="AB30" s="66"/>
    </row>
    <row r="31" spans="1:28" ht="16.5" customHeight="1" x14ac:dyDescent="0.3">
      <c r="A31" s="74" t="s">
        <v>200</v>
      </c>
      <c r="B31" s="75"/>
      <c r="C31" s="75"/>
      <c r="D31" s="75"/>
      <c r="E31" s="75"/>
      <c r="F31" s="76"/>
      <c r="G31" s="87" t="s">
        <v>239</v>
      </c>
      <c r="H31" s="88"/>
      <c r="I31" s="88"/>
      <c r="J31" s="88"/>
      <c r="K31" s="88"/>
      <c r="L31" s="88"/>
      <c r="M31" s="88"/>
      <c r="N31" s="88"/>
      <c r="O31" s="88"/>
      <c r="P31" s="88"/>
      <c r="Q31" s="88"/>
      <c r="R31" s="88"/>
      <c r="S31" s="88"/>
      <c r="T31" s="88"/>
      <c r="U31" s="88"/>
      <c r="V31" s="88"/>
      <c r="W31" s="88"/>
      <c r="X31" s="88"/>
      <c r="Y31" s="89"/>
      <c r="Z31" s="89"/>
      <c r="AA31" s="89"/>
      <c r="AB31" s="90"/>
    </row>
    <row r="32" spans="1:28" ht="16.5" customHeight="1" x14ac:dyDescent="0.3">
      <c r="A32" s="55" t="s">
        <v>194</v>
      </c>
      <c r="B32" s="56"/>
      <c r="C32" s="56"/>
      <c r="D32" s="56"/>
      <c r="E32" s="56"/>
      <c r="F32" s="57"/>
      <c r="G32" s="87" t="s">
        <v>234</v>
      </c>
      <c r="H32" s="88"/>
      <c r="I32" s="88"/>
      <c r="J32" s="89"/>
      <c r="K32" s="89"/>
      <c r="L32" s="89"/>
      <c r="M32" s="89"/>
      <c r="N32" s="89"/>
      <c r="O32" s="89"/>
      <c r="P32" s="89"/>
      <c r="Q32" s="89"/>
      <c r="R32" s="89"/>
      <c r="S32" s="89"/>
      <c r="T32" s="89"/>
      <c r="U32" s="89"/>
      <c r="V32" s="89"/>
      <c r="W32" s="89"/>
      <c r="X32" s="89"/>
      <c r="Y32" s="89"/>
      <c r="Z32" s="89"/>
      <c r="AA32" s="89"/>
      <c r="AB32" s="90"/>
    </row>
    <row r="33" spans="1:28" ht="16.5" customHeight="1" x14ac:dyDescent="0.3">
      <c r="A33" s="71"/>
      <c r="B33" s="72"/>
      <c r="C33" s="72"/>
      <c r="D33" s="72"/>
      <c r="E33" s="72"/>
      <c r="F33" s="73"/>
      <c r="G33" s="85" t="s">
        <v>223</v>
      </c>
      <c r="H33" s="86"/>
      <c r="I33" s="86"/>
      <c r="J33" s="68"/>
      <c r="K33" s="68"/>
      <c r="L33" s="68"/>
      <c r="M33" s="68"/>
      <c r="N33" s="68"/>
      <c r="O33" s="68"/>
      <c r="P33" s="68"/>
      <c r="Q33" s="68"/>
      <c r="R33" s="68"/>
      <c r="S33" s="68"/>
      <c r="T33" s="68"/>
      <c r="U33" s="68"/>
      <c r="V33" s="68"/>
      <c r="W33" s="68"/>
      <c r="X33" s="68"/>
      <c r="Y33" s="68"/>
      <c r="Z33" s="68"/>
      <c r="AA33" s="68"/>
      <c r="AB33" s="69"/>
    </row>
    <row r="34" spans="1:28" ht="16.5" customHeight="1" x14ac:dyDescent="0.3">
      <c r="A34" s="55" t="s">
        <v>199</v>
      </c>
      <c r="B34" s="56"/>
      <c r="C34" s="56"/>
      <c r="D34" s="56"/>
      <c r="E34" s="56"/>
      <c r="F34" s="57"/>
      <c r="G34" s="87" t="s">
        <v>224</v>
      </c>
      <c r="H34" s="88"/>
      <c r="I34" s="88"/>
      <c r="J34" s="88"/>
      <c r="K34" s="88"/>
      <c r="L34" s="88"/>
      <c r="M34" s="88"/>
      <c r="N34" s="88"/>
      <c r="O34" s="88"/>
      <c r="P34" s="88"/>
      <c r="Q34" s="88"/>
      <c r="R34" s="88"/>
      <c r="S34" s="88"/>
      <c r="T34" s="88"/>
      <c r="U34" s="88"/>
      <c r="V34" s="88"/>
      <c r="W34" s="88"/>
      <c r="X34" s="88"/>
      <c r="Y34" s="89"/>
      <c r="Z34" s="89"/>
      <c r="AA34" s="89"/>
      <c r="AB34" s="90"/>
    </row>
    <row r="35" spans="1:28" ht="16.5" customHeight="1" x14ac:dyDescent="0.3">
      <c r="A35" s="58"/>
      <c r="B35" s="70"/>
      <c r="C35" s="70"/>
      <c r="D35" s="70"/>
      <c r="E35" s="70"/>
      <c r="F35" s="60"/>
      <c r="G35" s="64" t="s">
        <v>225</v>
      </c>
      <c r="H35" s="83"/>
      <c r="I35" s="83"/>
      <c r="J35" s="83"/>
      <c r="K35" s="83"/>
      <c r="L35" s="83"/>
      <c r="M35" s="83"/>
      <c r="N35" s="83"/>
      <c r="O35" s="83"/>
      <c r="P35" s="83"/>
      <c r="Q35" s="83"/>
      <c r="R35" s="83"/>
      <c r="S35" s="83"/>
      <c r="T35" s="83"/>
      <c r="U35" s="83"/>
      <c r="V35" s="83"/>
      <c r="W35" s="83"/>
      <c r="X35" s="83"/>
      <c r="Y35" s="84"/>
      <c r="Z35" s="84"/>
      <c r="AA35" s="84"/>
      <c r="AB35" s="66"/>
    </row>
    <row r="36" spans="1:28" ht="16.5" customHeight="1" x14ac:dyDescent="0.3">
      <c r="A36" s="58"/>
      <c r="B36" s="70"/>
      <c r="C36" s="70"/>
      <c r="D36" s="70"/>
      <c r="E36" s="70"/>
      <c r="F36" s="60"/>
      <c r="G36" s="64" t="s">
        <v>226</v>
      </c>
      <c r="H36" s="83"/>
      <c r="I36" s="83"/>
      <c r="J36" s="83"/>
      <c r="K36" s="83"/>
      <c r="L36" s="83"/>
      <c r="M36" s="83"/>
      <c r="N36" s="83"/>
      <c r="O36" s="83"/>
      <c r="P36" s="83"/>
      <c r="Q36" s="83"/>
      <c r="R36" s="83"/>
      <c r="S36" s="83"/>
      <c r="T36" s="83"/>
      <c r="U36" s="83"/>
      <c r="V36" s="83"/>
      <c r="W36" s="83"/>
      <c r="X36" s="83"/>
      <c r="Y36" s="84"/>
      <c r="Z36" s="84"/>
      <c r="AA36" s="84"/>
      <c r="AB36" s="66"/>
    </row>
    <row r="37" spans="1:28" ht="16.5" customHeight="1" x14ac:dyDescent="0.3">
      <c r="A37" s="58"/>
      <c r="B37" s="70"/>
      <c r="C37" s="70"/>
      <c r="D37" s="70"/>
      <c r="E37" s="70"/>
      <c r="F37" s="60"/>
      <c r="G37" s="64" t="s">
        <v>227</v>
      </c>
      <c r="H37" s="83"/>
      <c r="I37" s="83"/>
      <c r="J37" s="83"/>
      <c r="K37" s="83"/>
      <c r="L37" s="83"/>
      <c r="M37" s="83"/>
      <c r="N37" s="83"/>
      <c r="O37" s="83"/>
      <c r="P37" s="83"/>
      <c r="Q37" s="83"/>
      <c r="R37" s="83"/>
      <c r="S37" s="83"/>
      <c r="T37" s="83"/>
      <c r="U37" s="83"/>
      <c r="V37" s="83"/>
      <c r="W37" s="83"/>
      <c r="X37" s="83"/>
      <c r="Y37" s="84"/>
      <c r="Z37" s="84"/>
      <c r="AA37" s="84"/>
      <c r="AB37" s="66"/>
    </row>
    <row r="38" spans="1:28" ht="16.5" customHeight="1" x14ac:dyDescent="0.3">
      <c r="A38" s="58"/>
      <c r="B38" s="70"/>
      <c r="C38" s="70"/>
      <c r="D38" s="70"/>
      <c r="E38" s="70"/>
      <c r="F38" s="60"/>
      <c r="G38" s="64" t="s">
        <v>228</v>
      </c>
      <c r="H38" s="83"/>
      <c r="I38" s="83"/>
      <c r="J38" s="83"/>
      <c r="K38" s="83"/>
      <c r="L38" s="83"/>
      <c r="M38" s="83"/>
      <c r="N38" s="83"/>
      <c r="O38" s="83"/>
      <c r="P38" s="83"/>
      <c r="Q38" s="83"/>
      <c r="R38" s="83"/>
      <c r="S38" s="83"/>
      <c r="T38" s="83"/>
      <c r="U38" s="83"/>
      <c r="V38" s="83"/>
      <c r="W38" s="83"/>
      <c r="X38" s="83"/>
      <c r="Y38" s="83"/>
      <c r="Z38" s="83"/>
      <c r="AA38" s="83"/>
      <c r="AB38" s="103"/>
    </row>
    <row r="39" spans="1:28" ht="16.5" customHeight="1" x14ac:dyDescent="0.3">
      <c r="A39" s="58"/>
      <c r="B39" s="70"/>
      <c r="C39" s="70"/>
      <c r="D39" s="70"/>
      <c r="E39" s="70"/>
      <c r="F39" s="60"/>
      <c r="G39" s="64" t="s">
        <v>229</v>
      </c>
      <c r="H39" s="65"/>
      <c r="I39" s="65"/>
      <c r="J39" s="65"/>
      <c r="K39" s="65"/>
      <c r="L39" s="65"/>
      <c r="M39" s="65"/>
      <c r="N39" s="65"/>
      <c r="O39" s="65"/>
      <c r="P39" s="65"/>
      <c r="Q39" s="65"/>
      <c r="R39" s="65"/>
      <c r="S39" s="65"/>
      <c r="T39" s="65"/>
      <c r="U39" s="65"/>
      <c r="V39" s="65"/>
      <c r="W39" s="65"/>
      <c r="X39" s="65"/>
      <c r="Y39" s="65"/>
      <c r="Z39" s="65"/>
      <c r="AA39" s="65"/>
      <c r="AB39" s="66"/>
    </row>
    <row r="40" spans="1:28" ht="16.5" customHeight="1" x14ac:dyDescent="0.3">
      <c r="A40" s="71"/>
      <c r="B40" s="72"/>
      <c r="C40" s="72"/>
      <c r="D40" s="72"/>
      <c r="E40" s="72"/>
      <c r="F40" s="73"/>
      <c r="G40" s="67"/>
      <c r="H40" s="68"/>
      <c r="I40" s="68"/>
      <c r="J40" s="68"/>
      <c r="K40" s="68"/>
      <c r="L40" s="68"/>
      <c r="M40" s="68"/>
      <c r="N40" s="68"/>
      <c r="O40" s="68"/>
      <c r="P40" s="68"/>
      <c r="Q40" s="68"/>
      <c r="R40" s="68"/>
      <c r="S40" s="68"/>
      <c r="T40" s="68"/>
      <c r="U40" s="68"/>
      <c r="V40" s="68"/>
      <c r="W40" s="68"/>
      <c r="X40" s="68"/>
      <c r="Y40" s="68"/>
      <c r="Z40" s="68"/>
      <c r="AA40" s="68"/>
      <c r="AB40" s="69"/>
    </row>
    <row r="41" spans="1:28" ht="16.5" customHeight="1" x14ac:dyDescent="0.3">
      <c r="A41" s="55" t="s">
        <v>201</v>
      </c>
      <c r="B41" s="56"/>
      <c r="C41" s="56"/>
      <c r="D41" s="56"/>
      <c r="E41" s="56"/>
      <c r="F41" s="57"/>
      <c r="G41" s="87" t="s">
        <v>235</v>
      </c>
      <c r="H41" s="88"/>
      <c r="I41" s="88"/>
      <c r="J41" s="88"/>
      <c r="K41" s="88"/>
      <c r="L41" s="88"/>
      <c r="M41" s="88"/>
      <c r="N41" s="88"/>
      <c r="O41" s="88"/>
      <c r="P41" s="88"/>
      <c r="Q41" s="88"/>
      <c r="R41" s="88"/>
      <c r="S41" s="88"/>
      <c r="T41" s="88"/>
      <c r="U41" s="88"/>
      <c r="V41" s="88"/>
      <c r="W41" s="88"/>
      <c r="X41" s="88"/>
      <c r="Y41" s="89"/>
      <c r="Z41" s="89"/>
      <c r="AA41" s="89"/>
      <c r="AB41" s="90"/>
    </row>
    <row r="42" spans="1:28" ht="16.5" customHeight="1" x14ac:dyDescent="0.3">
      <c r="A42" s="58"/>
      <c r="B42" s="59"/>
      <c r="C42" s="59"/>
      <c r="D42" s="59"/>
      <c r="E42" s="59"/>
      <c r="F42" s="60"/>
      <c r="G42" s="64" t="s">
        <v>230</v>
      </c>
      <c r="H42" s="83"/>
      <c r="I42" s="83"/>
      <c r="J42" s="83"/>
      <c r="K42" s="83"/>
      <c r="L42" s="83"/>
      <c r="M42" s="83"/>
      <c r="N42" s="83"/>
      <c r="O42" s="83"/>
      <c r="P42" s="83"/>
      <c r="Q42" s="83"/>
      <c r="R42" s="83"/>
      <c r="S42" s="83"/>
      <c r="T42" s="83"/>
      <c r="U42" s="83"/>
      <c r="V42" s="83"/>
      <c r="W42" s="83"/>
      <c r="X42" s="83"/>
      <c r="Y42" s="84"/>
      <c r="Z42" s="84"/>
      <c r="AA42" s="84"/>
      <c r="AB42" s="66"/>
    </row>
    <row r="43" spans="1:28" ht="16.5" customHeight="1" x14ac:dyDescent="0.3">
      <c r="A43" s="55" t="s">
        <v>233</v>
      </c>
      <c r="B43" s="56"/>
      <c r="C43" s="56"/>
      <c r="D43" s="56"/>
      <c r="E43" s="56"/>
      <c r="F43" s="57"/>
      <c r="G43" s="87" t="s">
        <v>231</v>
      </c>
      <c r="H43" s="88"/>
      <c r="I43" s="88"/>
      <c r="J43" s="88"/>
      <c r="K43" s="88"/>
      <c r="L43" s="88"/>
      <c r="M43" s="88"/>
      <c r="N43" s="88"/>
      <c r="O43" s="88"/>
      <c r="P43" s="88"/>
      <c r="Q43" s="88"/>
      <c r="R43" s="88"/>
      <c r="S43" s="88"/>
      <c r="T43" s="88"/>
      <c r="U43" s="88"/>
      <c r="V43" s="88"/>
      <c r="W43" s="88"/>
      <c r="X43" s="88"/>
      <c r="Y43" s="88"/>
      <c r="Z43" s="88"/>
      <c r="AA43" s="88"/>
      <c r="AB43" s="97"/>
    </row>
    <row r="44" spans="1:28" ht="16.5" customHeight="1" x14ac:dyDescent="0.3">
      <c r="A44" s="58"/>
      <c r="B44" s="59"/>
      <c r="C44" s="59"/>
      <c r="D44" s="59"/>
      <c r="E44" s="59"/>
      <c r="F44" s="60"/>
      <c r="G44" s="64" t="s">
        <v>197</v>
      </c>
      <c r="H44" s="83"/>
      <c r="I44" s="83"/>
      <c r="J44" s="83"/>
      <c r="K44" s="83"/>
      <c r="L44" s="83"/>
      <c r="M44" s="83"/>
      <c r="N44" s="83"/>
      <c r="O44" s="83"/>
      <c r="P44" s="83"/>
      <c r="Q44" s="83"/>
      <c r="R44" s="83"/>
      <c r="S44" s="83"/>
      <c r="T44" s="83"/>
      <c r="U44" s="84"/>
      <c r="V44" s="84"/>
      <c r="W44" s="84"/>
      <c r="X44" s="84"/>
      <c r="Y44" s="84"/>
      <c r="Z44" s="84"/>
      <c r="AA44" s="84"/>
      <c r="AB44" s="66"/>
    </row>
    <row r="45" spans="1:28" ht="16.5" customHeight="1" x14ac:dyDescent="0.3">
      <c r="A45" s="58"/>
      <c r="B45" s="59"/>
      <c r="C45" s="59"/>
      <c r="D45" s="59"/>
      <c r="E45" s="59"/>
      <c r="F45" s="60"/>
      <c r="G45" s="64" t="s">
        <v>198</v>
      </c>
      <c r="H45" s="83"/>
      <c r="I45" s="83"/>
      <c r="J45" s="83"/>
      <c r="K45" s="83"/>
      <c r="L45" s="83"/>
      <c r="M45" s="83"/>
      <c r="N45" s="83"/>
      <c r="O45" s="83"/>
      <c r="P45" s="83"/>
      <c r="Q45" s="83"/>
      <c r="R45" s="83"/>
      <c r="S45" s="83"/>
      <c r="T45" s="83"/>
      <c r="U45" s="84"/>
      <c r="V45" s="84"/>
      <c r="W45" s="84"/>
      <c r="X45" s="84"/>
      <c r="Y45" s="84"/>
      <c r="Z45" s="84"/>
      <c r="AA45" s="84"/>
      <c r="AB45" s="66"/>
    </row>
    <row r="46" spans="1:28" ht="16.5" customHeight="1" x14ac:dyDescent="0.3">
      <c r="A46" s="58"/>
      <c r="B46" s="59"/>
      <c r="C46" s="59"/>
      <c r="D46" s="59"/>
      <c r="E46" s="59"/>
      <c r="F46" s="60"/>
      <c r="G46" s="77" t="s">
        <v>232</v>
      </c>
      <c r="H46" s="78"/>
      <c r="I46" s="78"/>
      <c r="J46" s="78"/>
      <c r="K46" s="78"/>
      <c r="L46" s="78"/>
      <c r="M46" s="78"/>
      <c r="N46" s="78"/>
      <c r="O46" s="78"/>
      <c r="P46" s="78"/>
      <c r="Q46" s="78"/>
      <c r="R46" s="78"/>
      <c r="S46" s="78"/>
      <c r="T46" s="78"/>
      <c r="U46" s="59"/>
      <c r="V46" s="59"/>
      <c r="W46" s="59"/>
      <c r="X46" s="59"/>
      <c r="Y46" s="59"/>
      <c r="Z46" s="59"/>
      <c r="AA46" s="59"/>
      <c r="AB46" s="79"/>
    </row>
    <row r="47" spans="1:28" ht="16.5" customHeight="1" thickBot="1" x14ac:dyDescent="0.35">
      <c r="A47" s="61"/>
      <c r="B47" s="62"/>
      <c r="C47" s="62"/>
      <c r="D47" s="62"/>
      <c r="E47" s="62"/>
      <c r="F47" s="63"/>
      <c r="G47" s="80"/>
      <c r="H47" s="81"/>
      <c r="I47" s="81"/>
      <c r="J47" s="81"/>
      <c r="K47" s="81"/>
      <c r="L47" s="81"/>
      <c r="M47" s="81"/>
      <c r="N47" s="81"/>
      <c r="O47" s="81"/>
      <c r="P47" s="81"/>
      <c r="Q47" s="81"/>
      <c r="R47" s="81"/>
      <c r="S47" s="81"/>
      <c r="T47" s="81"/>
      <c r="U47" s="62"/>
      <c r="V47" s="62"/>
      <c r="W47" s="62"/>
      <c r="X47" s="62"/>
      <c r="Y47" s="62"/>
      <c r="Z47" s="62"/>
      <c r="AA47" s="62"/>
      <c r="AB47" s="82"/>
    </row>
    <row r="48" spans="1:28" ht="3" customHeight="1" thickBot="1" x14ac:dyDescent="0.35">
      <c r="A48" s="7"/>
      <c r="B48" s="7"/>
      <c r="C48" s="7"/>
      <c r="D48" s="7"/>
      <c r="E48" s="7"/>
      <c r="F48" s="7"/>
      <c r="G48" s="7"/>
      <c r="H48" s="7"/>
      <c r="I48" s="7"/>
      <c r="J48" s="6"/>
      <c r="K48" s="6"/>
      <c r="L48" s="6"/>
      <c r="M48" s="6"/>
      <c r="N48" s="6"/>
      <c r="O48" s="6"/>
      <c r="P48" s="6"/>
      <c r="Q48" s="6"/>
      <c r="R48" s="6"/>
      <c r="S48" s="6"/>
      <c r="T48" s="6"/>
      <c r="U48" s="6"/>
      <c r="V48" s="6"/>
      <c r="W48" s="6"/>
      <c r="X48" s="6"/>
      <c r="Y48" s="6"/>
      <c r="Z48" s="6"/>
      <c r="AA48" s="6"/>
      <c r="AB48" s="6"/>
    </row>
    <row r="49" spans="1:28" ht="14.25" customHeight="1" thickBot="1" x14ac:dyDescent="0.35">
      <c r="A49" s="105" t="s">
        <v>7</v>
      </c>
      <c r="B49" s="106"/>
      <c r="C49" s="106"/>
      <c r="D49" s="106"/>
      <c r="E49" s="106"/>
      <c r="F49" s="106"/>
      <c r="G49" s="106"/>
      <c r="H49" s="106"/>
      <c r="I49" s="106"/>
      <c r="J49" s="106"/>
      <c r="K49" s="106"/>
      <c r="L49" s="106"/>
      <c r="M49" s="106"/>
      <c r="N49" s="106"/>
      <c r="O49" s="106"/>
      <c r="P49" s="106"/>
      <c r="Q49" s="106"/>
      <c r="R49" s="106"/>
      <c r="S49" s="106"/>
      <c r="T49" s="106"/>
      <c r="U49" s="106"/>
      <c r="V49" s="106"/>
      <c r="W49" s="106"/>
      <c r="X49" s="106"/>
      <c r="Y49" s="106"/>
      <c r="Z49" s="106"/>
      <c r="AA49" s="106"/>
      <c r="AB49" s="107"/>
    </row>
    <row r="50" spans="1:28" ht="6" customHeight="1" x14ac:dyDescent="0.3">
      <c r="A50" s="112"/>
      <c r="B50" s="113"/>
      <c r="C50" s="113"/>
      <c r="D50" s="113"/>
      <c r="E50" s="113"/>
      <c r="F50" s="113"/>
      <c r="G50" s="113"/>
      <c r="H50" s="113"/>
      <c r="I50" s="113"/>
      <c r="J50" s="113"/>
      <c r="K50" s="113"/>
      <c r="L50" s="113"/>
      <c r="M50" s="113"/>
      <c r="N50" s="113"/>
      <c r="O50" s="113"/>
      <c r="P50" s="113"/>
      <c r="Q50" s="113"/>
      <c r="R50" s="113"/>
      <c r="S50" s="113"/>
      <c r="T50" s="113"/>
      <c r="U50" s="113"/>
      <c r="V50" s="113"/>
      <c r="W50" s="113"/>
      <c r="X50" s="113"/>
      <c r="Y50" s="113"/>
      <c r="Z50" s="113"/>
      <c r="AA50" s="113"/>
      <c r="AB50" s="114"/>
    </row>
    <row r="51" spans="1:28" ht="16.5" customHeight="1" x14ac:dyDescent="0.35">
      <c r="A51" s="9"/>
      <c r="B51" s="111" t="s">
        <v>5</v>
      </c>
      <c r="C51" s="111"/>
      <c r="D51" s="111"/>
      <c r="E51" s="111"/>
      <c r="F51" s="111"/>
      <c r="G51" s="109"/>
      <c r="H51" s="109"/>
      <c r="I51" s="109"/>
      <c r="J51" s="109"/>
      <c r="K51" s="109"/>
      <c r="L51" s="109"/>
      <c r="M51" s="109"/>
      <c r="N51" s="109"/>
      <c r="O51" s="109"/>
      <c r="P51" s="109"/>
      <c r="Q51" s="109"/>
      <c r="R51" s="109"/>
      <c r="S51" s="109"/>
      <c r="T51" s="109"/>
      <c r="U51" s="109"/>
      <c r="V51" s="109"/>
      <c r="W51" s="109"/>
      <c r="X51" s="109"/>
      <c r="Y51" s="109"/>
      <c r="Z51" s="109"/>
      <c r="AA51" s="109"/>
      <c r="AB51" s="8"/>
    </row>
    <row r="52" spans="1:28" ht="16.5" customHeight="1" x14ac:dyDescent="0.35">
      <c r="A52" s="9"/>
      <c r="B52" s="110" t="s">
        <v>4</v>
      </c>
      <c r="C52" s="110"/>
      <c r="D52" s="110"/>
      <c r="E52" s="110"/>
      <c r="F52" s="110"/>
      <c r="G52" s="115"/>
      <c r="H52" s="115"/>
      <c r="I52" s="115"/>
      <c r="J52" s="115"/>
      <c r="K52" s="115"/>
      <c r="L52" s="15"/>
      <c r="N52" s="116" t="s">
        <v>8</v>
      </c>
      <c r="O52" s="116"/>
      <c r="P52" s="116"/>
      <c r="Q52" s="117"/>
      <c r="R52" s="117"/>
      <c r="S52" s="117"/>
      <c r="T52" s="117"/>
      <c r="U52" s="117"/>
      <c r="V52" s="117"/>
      <c r="W52" s="117"/>
      <c r="X52" s="117"/>
      <c r="Y52" s="117"/>
      <c r="Z52" s="117"/>
      <c r="AA52" s="117"/>
      <c r="AB52" s="8"/>
    </row>
    <row r="53" spans="1:28" ht="16.5" customHeight="1" thickBot="1" x14ac:dyDescent="0.35">
      <c r="A53" s="10"/>
      <c r="B53" s="11"/>
      <c r="C53" s="11"/>
      <c r="D53" s="11"/>
      <c r="E53" s="11"/>
      <c r="F53" s="11"/>
      <c r="G53" s="11"/>
      <c r="H53" s="11"/>
      <c r="I53" s="11"/>
      <c r="J53" s="11"/>
      <c r="K53" s="11"/>
      <c r="L53" s="11"/>
      <c r="M53" s="11"/>
      <c r="N53" s="11"/>
      <c r="O53" s="11"/>
      <c r="P53" s="11"/>
      <c r="Q53" s="11"/>
      <c r="R53" s="11"/>
      <c r="S53" s="11"/>
      <c r="T53" s="11"/>
      <c r="U53" s="11"/>
      <c r="V53" s="11"/>
      <c r="W53" s="11"/>
      <c r="X53" s="11"/>
      <c r="Y53" s="11"/>
      <c r="Z53" s="11"/>
      <c r="AA53" s="11"/>
      <c r="AB53" s="12"/>
    </row>
    <row r="54" spans="1:28" ht="3" customHeight="1" thickBot="1" x14ac:dyDescent="0.35">
      <c r="A54" s="13"/>
      <c r="B54" s="14"/>
      <c r="C54" s="14"/>
      <c r="D54" s="14"/>
      <c r="E54" s="14"/>
      <c r="F54" s="14"/>
      <c r="G54" s="108"/>
      <c r="H54" s="108"/>
      <c r="I54" s="108"/>
      <c r="J54" s="108"/>
      <c r="K54" s="108"/>
      <c r="L54" s="108"/>
      <c r="M54" s="108"/>
      <c r="N54" s="108"/>
      <c r="O54" s="108"/>
      <c r="P54" s="108"/>
      <c r="Q54" s="108"/>
      <c r="R54" s="108"/>
      <c r="S54" s="108"/>
      <c r="T54" s="108"/>
      <c r="U54" s="108"/>
      <c r="V54" s="108"/>
      <c r="W54" s="108"/>
      <c r="X54" s="108"/>
      <c r="Y54" s="108"/>
      <c r="Z54" s="108"/>
      <c r="AA54" s="108"/>
      <c r="AB54" s="14"/>
    </row>
    <row r="55" spans="1:28" ht="16.5" customHeight="1" thickBot="1" x14ac:dyDescent="0.35">
      <c r="A55" s="123" t="s">
        <v>3</v>
      </c>
      <c r="B55" s="124"/>
      <c r="C55" s="124"/>
      <c r="D55" s="124"/>
      <c r="E55" s="124"/>
      <c r="F55" s="124"/>
      <c r="G55" s="124"/>
      <c r="H55" s="124"/>
      <c r="I55" s="124"/>
      <c r="J55" s="124"/>
      <c r="K55" s="124"/>
      <c r="L55" s="124"/>
      <c r="M55" s="124"/>
      <c r="N55" s="124"/>
      <c r="O55" s="124"/>
      <c r="P55" s="124"/>
      <c r="Q55" s="124"/>
      <c r="R55" s="124"/>
      <c r="S55" s="124"/>
      <c r="T55" s="124"/>
      <c r="U55" s="92"/>
      <c r="V55" s="92"/>
      <c r="W55" s="92"/>
      <c r="X55" s="92"/>
      <c r="Y55" s="92"/>
      <c r="Z55" s="92"/>
      <c r="AA55" s="92"/>
      <c r="AB55" s="99"/>
    </row>
    <row r="56" spans="1:28" ht="16.5" customHeight="1" x14ac:dyDescent="0.3">
      <c r="A56" s="118"/>
      <c r="B56" s="119"/>
      <c r="C56" s="119"/>
      <c r="D56" s="119"/>
      <c r="E56" s="119"/>
      <c r="F56" s="119"/>
      <c r="G56" s="119"/>
      <c r="H56" s="119"/>
      <c r="I56" s="119"/>
      <c r="J56" s="119"/>
      <c r="K56" s="119"/>
      <c r="L56" s="119"/>
      <c r="M56" s="119"/>
      <c r="N56" s="119"/>
      <c r="O56" s="119"/>
      <c r="P56" s="119"/>
      <c r="Q56" s="119"/>
      <c r="R56" s="119"/>
      <c r="S56" s="119"/>
      <c r="T56" s="119"/>
      <c r="U56" s="119"/>
      <c r="V56" s="119"/>
      <c r="W56" s="119"/>
      <c r="X56" s="119"/>
      <c r="Y56" s="119"/>
      <c r="Z56" s="119"/>
      <c r="AA56" s="119"/>
      <c r="AB56" s="233"/>
    </row>
    <row r="57" spans="1:28" ht="16.5" customHeight="1" x14ac:dyDescent="0.3">
      <c r="A57" s="120"/>
      <c r="B57" s="232"/>
      <c r="C57" s="232"/>
      <c r="D57" s="232"/>
      <c r="E57" s="232"/>
      <c r="F57" s="232"/>
      <c r="G57" s="232"/>
      <c r="H57" s="232"/>
      <c r="I57" s="232"/>
      <c r="J57" s="232"/>
      <c r="K57" s="232"/>
      <c r="L57" s="232"/>
      <c r="M57" s="232"/>
      <c r="N57" s="232"/>
      <c r="O57" s="232"/>
      <c r="P57" s="232"/>
      <c r="Q57" s="232"/>
      <c r="R57" s="232"/>
      <c r="S57" s="232"/>
      <c r="T57" s="232"/>
      <c r="U57" s="232"/>
      <c r="V57" s="232"/>
      <c r="W57" s="232"/>
      <c r="X57" s="232"/>
      <c r="Y57" s="232"/>
      <c r="Z57" s="232"/>
      <c r="AA57" s="232"/>
      <c r="AB57" s="234"/>
    </row>
    <row r="58" spans="1:28" ht="16.5" customHeight="1" thickBot="1" x14ac:dyDescent="0.35">
      <c r="A58" s="121"/>
      <c r="B58" s="122"/>
      <c r="C58" s="122"/>
      <c r="D58" s="122"/>
      <c r="E58" s="122"/>
      <c r="F58" s="122"/>
      <c r="G58" s="122"/>
      <c r="H58" s="122"/>
      <c r="I58" s="122"/>
      <c r="J58" s="122"/>
      <c r="K58" s="122"/>
      <c r="L58" s="122"/>
      <c r="M58" s="122"/>
      <c r="N58" s="122"/>
      <c r="O58" s="122"/>
      <c r="P58" s="122"/>
      <c r="Q58" s="122"/>
      <c r="R58" s="122"/>
      <c r="S58" s="122"/>
      <c r="T58" s="122"/>
      <c r="U58" s="122"/>
      <c r="V58" s="122"/>
      <c r="W58" s="122"/>
      <c r="X58" s="122"/>
      <c r="Y58" s="122"/>
      <c r="Z58" s="122"/>
      <c r="AA58" s="122"/>
      <c r="AB58" s="235"/>
    </row>
    <row r="59" spans="1:28" ht="15.75" customHeight="1" x14ac:dyDescent="0.3">
      <c r="A59" s="104"/>
      <c r="B59" s="104"/>
      <c r="C59" s="104"/>
      <c r="D59" s="104"/>
      <c r="E59" s="104"/>
      <c r="F59" s="104"/>
      <c r="G59" s="104"/>
      <c r="H59" s="104"/>
      <c r="I59" s="104"/>
      <c r="J59" s="104"/>
      <c r="K59" s="104"/>
      <c r="L59" s="104"/>
      <c r="M59" s="104"/>
      <c r="N59" s="104"/>
      <c r="O59" s="104"/>
      <c r="P59" s="104"/>
      <c r="Q59" s="104"/>
      <c r="R59" s="104"/>
      <c r="S59" s="104"/>
      <c r="T59" s="104"/>
      <c r="U59" s="104"/>
      <c r="V59" s="104"/>
      <c r="W59" s="104"/>
      <c r="X59" s="104"/>
      <c r="Y59" s="104"/>
    </row>
    <row r="60" spans="1:28" ht="16.5" customHeight="1" x14ac:dyDescent="0.3"/>
    <row r="61" spans="1:28" ht="15.75" customHeight="1" x14ac:dyDescent="0.3">
      <c r="A61" s="1" t="s">
        <v>204</v>
      </c>
    </row>
    <row r="62" spans="1:28" ht="15.75" customHeight="1" x14ac:dyDescent="0.3"/>
    <row r="63" spans="1:28" ht="15.75" customHeight="1" x14ac:dyDescent="0.3"/>
    <row r="64" spans="1:28" ht="15.75" customHeight="1" x14ac:dyDescent="0.3"/>
    <row r="65" ht="15.75" customHeight="1" x14ac:dyDescent="0.3"/>
    <row r="66" ht="15.75" customHeight="1" x14ac:dyDescent="0.3"/>
    <row r="67" ht="15.75" customHeight="1" x14ac:dyDescent="0.3"/>
    <row r="68" ht="15.75" customHeight="1" x14ac:dyDescent="0.3"/>
    <row r="69" ht="15.75" customHeight="1" x14ac:dyDescent="0.3"/>
    <row r="70" ht="15.75" customHeight="1" x14ac:dyDescent="0.3"/>
    <row r="71" ht="15.75" customHeight="1" x14ac:dyDescent="0.3"/>
    <row r="72" ht="15.75" customHeight="1" x14ac:dyDescent="0.3"/>
    <row r="73" ht="15.75" customHeight="1" x14ac:dyDescent="0.3"/>
    <row r="74" ht="15.75" customHeight="1" x14ac:dyDescent="0.3"/>
    <row r="75" ht="15.75" customHeight="1" x14ac:dyDescent="0.3"/>
    <row r="76" ht="15.75" customHeight="1" x14ac:dyDescent="0.3"/>
    <row r="77" ht="15.75" customHeight="1" x14ac:dyDescent="0.3"/>
    <row r="78" ht="15.75" customHeight="1" x14ac:dyDescent="0.3"/>
    <row r="79" ht="15.75" customHeight="1" x14ac:dyDescent="0.3"/>
    <row r="80" ht="15.75" customHeight="1" x14ac:dyDescent="0.3"/>
    <row r="81" ht="15.75" customHeight="1" x14ac:dyDescent="0.3"/>
    <row r="82" ht="15.75" customHeight="1" x14ac:dyDescent="0.3"/>
    <row r="83" ht="15.75" customHeight="1" x14ac:dyDescent="0.3"/>
    <row r="84" ht="15.75" customHeight="1" x14ac:dyDescent="0.3"/>
    <row r="85" ht="15.75" customHeight="1" x14ac:dyDescent="0.3"/>
    <row r="86" ht="15.75" customHeight="1" x14ac:dyDescent="0.3"/>
    <row r="87" ht="15.75" customHeight="1" x14ac:dyDescent="0.3"/>
    <row r="88" ht="15.75" customHeight="1" x14ac:dyDescent="0.3"/>
    <row r="89" ht="15.75" customHeight="1" x14ac:dyDescent="0.3"/>
  </sheetData>
  <mergeCells count="65">
    <mergeCell ref="G45:AB45"/>
    <mergeCell ref="G38:AB38"/>
    <mergeCell ref="G41:AB41"/>
    <mergeCell ref="G42:AB42"/>
    <mergeCell ref="G37:AB37"/>
    <mergeCell ref="G43:AB43"/>
    <mergeCell ref="G44:AB44"/>
    <mergeCell ref="A11:AB11"/>
    <mergeCell ref="A1:AB1"/>
    <mergeCell ref="A2:AB2"/>
    <mergeCell ref="A7:AB7"/>
    <mergeCell ref="A10:AB10"/>
    <mergeCell ref="G4:L4"/>
    <mergeCell ref="G5:L5"/>
    <mergeCell ref="G6:L6"/>
    <mergeCell ref="A59:Y59"/>
    <mergeCell ref="A49:AB49"/>
    <mergeCell ref="G54:AA54"/>
    <mergeCell ref="G51:AA51"/>
    <mergeCell ref="B52:F52"/>
    <mergeCell ref="B51:F51"/>
    <mergeCell ref="A50:AB50"/>
    <mergeCell ref="G52:K52"/>
    <mergeCell ref="N52:P52"/>
    <mergeCell ref="Q52:AA52"/>
    <mergeCell ref="A55:T55"/>
    <mergeCell ref="U55:AB55"/>
    <mergeCell ref="A56:AB58"/>
    <mergeCell ref="A12:F12"/>
    <mergeCell ref="G14:AB14"/>
    <mergeCell ref="G16:AB16"/>
    <mergeCell ref="A13:F17"/>
    <mergeCell ref="G34:AB34"/>
    <mergeCell ref="G26:AB26"/>
    <mergeCell ref="G27:AB27"/>
    <mergeCell ref="G31:AB31"/>
    <mergeCell ref="G28:AB28"/>
    <mergeCell ref="G32:AB32"/>
    <mergeCell ref="G12:AB12"/>
    <mergeCell ref="G13:AB13"/>
    <mergeCell ref="G15:AB15"/>
    <mergeCell ref="G17:AB17"/>
    <mergeCell ref="G18:AB18"/>
    <mergeCell ref="G35:AB35"/>
    <mergeCell ref="G36:AB36"/>
    <mergeCell ref="G29:AB29"/>
    <mergeCell ref="G30:AB30"/>
    <mergeCell ref="G19:AB19"/>
    <mergeCell ref="G21:AB21"/>
    <mergeCell ref="A43:F47"/>
    <mergeCell ref="G39:AB40"/>
    <mergeCell ref="A18:F22"/>
    <mergeCell ref="A23:F27"/>
    <mergeCell ref="A28:F30"/>
    <mergeCell ref="A31:F31"/>
    <mergeCell ref="A32:F33"/>
    <mergeCell ref="A34:F40"/>
    <mergeCell ref="A41:F42"/>
    <mergeCell ref="G46:AB47"/>
    <mergeCell ref="G20:AB20"/>
    <mergeCell ref="G22:AB22"/>
    <mergeCell ref="G23:AB23"/>
    <mergeCell ref="G24:AB24"/>
    <mergeCell ref="G25:AB25"/>
    <mergeCell ref="G33:AB33"/>
  </mergeCells>
  <phoneticPr fontId="1"/>
  <pageMargins left="0.78740157480314965" right="0.78740157480314965" top="0.39370078740157483" bottom="0.11811023622047245" header="0.39370078740157483" footer="0.11811023622047245"/>
  <pageSetup paperSize="9" scale="84" fitToWidth="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9646" r:id="rId4" name="Check Box 190">
              <controlPr defaultSize="0" autoFill="0" autoLine="0" autoPict="0">
                <anchor moveWithCells="1">
                  <from>
                    <xdr:col>6</xdr:col>
                    <xdr:colOff>22860</xdr:colOff>
                    <xdr:row>12</xdr:row>
                    <xdr:rowOff>0</xdr:rowOff>
                  </from>
                  <to>
                    <xdr:col>6</xdr:col>
                    <xdr:colOff>220980</xdr:colOff>
                    <xdr:row>13</xdr:row>
                    <xdr:rowOff>30480</xdr:rowOff>
                  </to>
                </anchor>
              </controlPr>
            </control>
          </mc:Choice>
        </mc:AlternateContent>
        <mc:AlternateContent xmlns:mc="http://schemas.openxmlformats.org/markup-compatibility/2006">
          <mc:Choice Requires="x14">
            <control shapeId="19647" r:id="rId5" name="Check Box 191">
              <controlPr defaultSize="0" autoFill="0" autoLine="0" autoPict="0">
                <anchor moveWithCells="1">
                  <from>
                    <xdr:col>6</xdr:col>
                    <xdr:colOff>22860</xdr:colOff>
                    <xdr:row>12</xdr:row>
                    <xdr:rowOff>198120</xdr:rowOff>
                  </from>
                  <to>
                    <xdr:col>6</xdr:col>
                    <xdr:colOff>220980</xdr:colOff>
                    <xdr:row>14</xdr:row>
                    <xdr:rowOff>22860</xdr:rowOff>
                  </to>
                </anchor>
              </controlPr>
            </control>
          </mc:Choice>
        </mc:AlternateContent>
        <mc:AlternateContent xmlns:mc="http://schemas.openxmlformats.org/markup-compatibility/2006">
          <mc:Choice Requires="x14">
            <control shapeId="19648" r:id="rId6" name="Check Box 192">
              <controlPr defaultSize="0" autoFill="0" autoLine="0" autoPict="0">
                <anchor moveWithCells="1">
                  <from>
                    <xdr:col>6</xdr:col>
                    <xdr:colOff>22860</xdr:colOff>
                    <xdr:row>14</xdr:row>
                    <xdr:rowOff>198120</xdr:rowOff>
                  </from>
                  <to>
                    <xdr:col>6</xdr:col>
                    <xdr:colOff>220980</xdr:colOff>
                    <xdr:row>16</xdr:row>
                    <xdr:rowOff>22860</xdr:rowOff>
                  </to>
                </anchor>
              </controlPr>
            </control>
          </mc:Choice>
        </mc:AlternateContent>
        <mc:AlternateContent xmlns:mc="http://schemas.openxmlformats.org/markup-compatibility/2006">
          <mc:Choice Requires="x14">
            <control shapeId="19650" r:id="rId7" name="Check Box 194">
              <controlPr defaultSize="0" autoFill="0" autoLine="0" autoPict="0">
                <anchor moveWithCells="1">
                  <from>
                    <xdr:col>6</xdr:col>
                    <xdr:colOff>22860</xdr:colOff>
                    <xdr:row>13</xdr:row>
                    <xdr:rowOff>198120</xdr:rowOff>
                  </from>
                  <to>
                    <xdr:col>6</xdr:col>
                    <xdr:colOff>220980</xdr:colOff>
                    <xdr:row>15</xdr:row>
                    <xdr:rowOff>22860</xdr:rowOff>
                  </to>
                </anchor>
              </controlPr>
            </control>
          </mc:Choice>
        </mc:AlternateContent>
        <mc:AlternateContent xmlns:mc="http://schemas.openxmlformats.org/markup-compatibility/2006">
          <mc:Choice Requires="x14">
            <control shapeId="19651" r:id="rId8" name="Check Box 195">
              <controlPr defaultSize="0" autoFill="0" autoLine="0" autoPict="0">
                <anchor moveWithCells="1">
                  <from>
                    <xdr:col>6</xdr:col>
                    <xdr:colOff>22860</xdr:colOff>
                    <xdr:row>15</xdr:row>
                    <xdr:rowOff>198120</xdr:rowOff>
                  </from>
                  <to>
                    <xdr:col>6</xdr:col>
                    <xdr:colOff>220980</xdr:colOff>
                    <xdr:row>17</xdr:row>
                    <xdr:rowOff>22860</xdr:rowOff>
                  </to>
                </anchor>
              </controlPr>
            </control>
          </mc:Choice>
        </mc:AlternateContent>
        <mc:AlternateContent xmlns:mc="http://schemas.openxmlformats.org/markup-compatibility/2006">
          <mc:Choice Requires="x14">
            <control shapeId="19654" r:id="rId9" name="Check Box 198">
              <controlPr defaultSize="0" autoFill="0" autoLine="0" autoPict="0">
                <anchor moveWithCells="1">
                  <from>
                    <xdr:col>6</xdr:col>
                    <xdr:colOff>22860</xdr:colOff>
                    <xdr:row>16</xdr:row>
                    <xdr:rowOff>198120</xdr:rowOff>
                  </from>
                  <to>
                    <xdr:col>6</xdr:col>
                    <xdr:colOff>220980</xdr:colOff>
                    <xdr:row>18</xdr:row>
                    <xdr:rowOff>22860</xdr:rowOff>
                  </to>
                </anchor>
              </controlPr>
            </control>
          </mc:Choice>
        </mc:AlternateContent>
        <mc:AlternateContent xmlns:mc="http://schemas.openxmlformats.org/markup-compatibility/2006">
          <mc:Choice Requires="x14">
            <control shapeId="19655" r:id="rId10" name="Check Box 199">
              <controlPr defaultSize="0" autoFill="0" autoLine="0" autoPict="0">
                <anchor moveWithCells="1">
                  <from>
                    <xdr:col>6</xdr:col>
                    <xdr:colOff>22860</xdr:colOff>
                    <xdr:row>17</xdr:row>
                    <xdr:rowOff>198120</xdr:rowOff>
                  </from>
                  <to>
                    <xdr:col>6</xdr:col>
                    <xdr:colOff>220980</xdr:colOff>
                    <xdr:row>19</xdr:row>
                    <xdr:rowOff>22860</xdr:rowOff>
                  </to>
                </anchor>
              </controlPr>
            </control>
          </mc:Choice>
        </mc:AlternateContent>
        <mc:AlternateContent xmlns:mc="http://schemas.openxmlformats.org/markup-compatibility/2006">
          <mc:Choice Requires="x14">
            <control shapeId="19656" r:id="rId11" name="Check Box 200">
              <controlPr defaultSize="0" autoFill="0" autoLine="0" autoPict="0">
                <anchor moveWithCells="1">
                  <from>
                    <xdr:col>6</xdr:col>
                    <xdr:colOff>22860</xdr:colOff>
                    <xdr:row>18</xdr:row>
                    <xdr:rowOff>198120</xdr:rowOff>
                  </from>
                  <to>
                    <xdr:col>6</xdr:col>
                    <xdr:colOff>220980</xdr:colOff>
                    <xdr:row>20</xdr:row>
                    <xdr:rowOff>22860</xdr:rowOff>
                  </to>
                </anchor>
              </controlPr>
            </control>
          </mc:Choice>
        </mc:AlternateContent>
        <mc:AlternateContent xmlns:mc="http://schemas.openxmlformats.org/markup-compatibility/2006">
          <mc:Choice Requires="x14">
            <control shapeId="19657" r:id="rId12" name="Check Box 201">
              <controlPr defaultSize="0" autoFill="0" autoLine="0" autoPict="0">
                <anchor moveWithCells="1">
                  <from>
                    <xdr:col>6</xdr:col>
                    <xdr:colOff>22860</xdr:colOff>
                    <xdr:row>19</xdr:row>
                    <xdr:rowOff>198120</xdr:rowOff>
                  </from>
                  <to>
                    <xdr:col>6</xdr:col>
                    <xdr:colOff>220980</xdr:colOff>
                    <xdr:row>21</xdr:row>
                    <xdr:rowOff>22860</xdr:rowOff>
                  </to>
                </anchor>
              </controlPr>
            </control>
          </mc:Choice>
        </mc:AlternateContent>
        <mc:AlternateContent xmlns:mc="http://schemas.openxmlformats.org/markup-compatibility/2006">
          <mc:Choice Requires="x14">
            <control shapeId="19658" r:id="rId13" name="Check Box 202">
              <controlPr defaultSize="0" autoFill="0" autoLine="0" autoPict="0">
                <anchor moveWithCells="1">
                  <from>
                    <xdr:col>6</xdr:col>
                    <xdr:colOff>22860</xdr:colOff>
                    <xdr:row>21</xdr:row>
                    <xdr:rowOff>198120</xdr:rowOff>
                  </from>
                  <to>
                    <xdr:col>6</xdr:col>
                    <xdr:colOff>220980</xdr:colOff>
                    <xdr:row>23</xdr:row>
                    <xdr:rowOff>22860</xdr:rowOff>
                  </to>
                </anchor>
              </controlPr>
            </control>
          </mc:Choice>
        </mc:AlternateContent>
        <mc:AlternateContent xmlns:mc="http://schemas.openxmlformats.org/markup-compatibility/2006">
          <mc:Choice Requires="x14">
            <control shapeId="19659" r:id="rId14" name="Check Box 203">
              <controlPr defaultSize="0" autoFill="0" autoLine="0" autoPict="0">
                <anchor moveWithCells="1">
                  <from>
                    <xdr:col>6</xdr:col>
                    <xdr:colOff>22860</xdr:colOff>
                    <xdr:row>22</xdr:row>
                    <xdr:rowOff>198120</xdr:rowOff>
                  </from>
                  <to>
                    <xdr:col>6</xdr:col>
                    <xdr:colOff>220980</xdr:colOff>
                    <xdr:row>24</xdr:row>
                    <xdr:rowOff>22860</xdr:rowOff>
                  </to>
                </anchor>
              </controlPr>
            </control>
          </mc:Choice>
        </mc:AlternateContent>
        <mc:AlternateContent xmlns:mc="http://schemas.openxmlformats.org/markup-compatibility/2006">
          <mc:Choice Requires="x14">
            <control shapeId="19660" r:id="rId15" name="Check Box 204">
              <controlPr defaultSize="0" autoFill="0" autoLine="0" autoPict="0">
                <anchor moveWithCells="1">
                  <from>
                    <xdr:col>6</xdr:col>
                    <xdr:colOff>22860</xdr:colOff>
                    <xdr:row>23</xdr:row>
                    <xdr:rowOff>198120</xdr:rowOff>
                  </from>
                  <to>
                    <xdr:col>6</xdr:col>
                    <xdr:colOff>220980</xdr:colOff>
                    <xdr:row>25</xdr:row>
                    <xdr:rowOff>22860</xdr:rowOff>
                  </to>
                </anchor>
              </controlPr>
            </control>
          </mc:Choice>
        </mc:AlternateContent>
        <mc:AlternateContent xmlns:mc="http://schemas.openxmlformats.org/markup-compatibility/2006">
          <mc:Choice Requires="x14">
            <control shapeId="19661" r:id="rId16" name="Check Box 205">
              <controlPr defaultSize="0" autoFill="0" autoLine="0" autoPict="0">
                <anchor moveWithCells="1">
                  <from>
                    <xdr:col>6</xdr:col>
                    <xdr:colOff>22860</xdr:colOff>
                    <xdr:row>24</xdr:row>
                    <xdr:rowOff>198120</xdr:rowOff>
                  </from>
                  <to>
                    <xdr:col>6</xdr:col>
                    <xdr:colOff>220980</xdr:colOff>
                    <xdr:row>26</xdr:row>
                    <xdr:rowOff>22860</xdr:rowOff>
                  </to>
                </anchor>
              </controlPr>
            </control>
          </mc:Choice>
        </mc:AlternateContent>
        <mc:AlternateContent xmlns:mc="http://schemas.openxmlformats.org/markup-compatibility/2006">
          <mc:Choice Requires="x14">
            <control shapeId="19662" r:id="rId17" name="Check Box 206">
              <controlPr defaultSize="0" autoFill="0" autoLine="0" autoPict="0">
                <anchor moveWithCells="1">
                  <from>
                    <xdr:col>6</xdr:col>
                    <xdr:colOff>22860</xdr:colOff>
                    <xdr:row>25</xdr:row>
                    <xdr:rowOff>198120</xdr:rowOff>
                  </from>
                  <to>
                    <xdr:col>6</xdr:col>
                    <xdr:colOff>220980</xdr:colOff>
                    <xdr:row>27</xdr:row>
                    <xdr:rowOff>22860</xdr:rowOff>
                  </to>
                </anchor>
              </controlPr>
            </control>
          </mc:Choice>
        </mc:AlternateContent>
        <mc:AlternateContent xmlns:mc="http://schemas.openxmlformats.org/markup-compatibility/2006">
          <mc:Choice Requires="x14">
            <control shapeId="19663" r:id="rId18" name="Check Box 207">
              <controlPr defaultSize="0" autoFill="0" autoLine="0" autoPict="0">
                <anchor moveWithCells="1">
                  <from>
                    <xdr:col>6</xdr:col>
                    <xdr:colOff>22860</xdr:colOff>
                    <xdr:row>36</xdr:row>
                    <xdr:rowOff>198120</xdr:rowOff>
                  </from>
                  <to>
                    <xdr:col>6</xdr:col>
                    <xdr:colOff>220980</xdr:colOff>
                    <xdr:row>38</xdr:row>
                    <xdr:rowOff>22860</xdr:rowOff>
                  </to>
                </anchor>
              </controlPr>
            </control>
          </mc:Choice>
        </mc:AlternateContent>
        <mc:AlternateContent xmlns:mc="http://schemas.openxmlformats.org/markup-compatibility/2006">
          <mc:Choice Requires="x14">
            <control shapeId="19664" r:id="rId19" name="Check Box 208">
              <controlPr defaultSize="0" autoFill="0" autoLine="0" autoPict="0">
                <anchor moveWithCells="1">
                  <from>
                    <xdr:col>6</xdr:col>
                    <xdr:colOff>22860</xdr:colOff>
                    <xdr:row>26</xdr:row>
                    <xdr:rowOff>198120</xdr:rowOff>
                  </from>
                  <to>
                    <xdr:col>6</xdr:col>
                    <xdr:colOff>220980</xdr:colOff>
                    <xdr:row>28</xdr:row>
                    <xdr:rowOff>22860</xdr:rowOff>
                  </to>
                </anchor>
              </controlPr>
            </control>
          </mc:Choice>
        </mc:AlternateContent>
        <mc:AlternateContent xmlns:mc="http://schemas.openxmlformats.org/markup-compatibility/2006">
          <mc:Choice Requires="x14">
            <control shapeId="19665" r:id="rId20" name="Check Box 209">
              <controlPr defaultSize="0" autoFill="0" autoLine="0" autoPict="0">
                <anchor moveWithCells="1">
                  <from>
                    <xdr:col>6</xdr:col>
                    <xdr:colOff>22860</xdr:colOff>
                    <xdr:row>27</xdr:row>
                    <xdr:rowOff>213360</xdr:rowOff>
                  </from>
                  <to>
                    <xdr:col>6</xdr:col>
                    <xdr:colOff>220980</xdr:colOff>
                    <xdr:row>29</xdr:row>
                    <xdr:rowOff>30480</xdr:rowOff>
                  </to>
                </anchor>
              </controlPr>
            </control>
          </mc:Choice>
        </mc:AlternateContent>
        <mc:AlternateContent xmlns:mc="http://schemas.openxmlformats.org/markup-compatibility/2006">
          <mc:Choice Requires="x14">
            <control shapeId="19666" r:id="rId21" name="Check Box 210">
              <controlPr defaultSize="0" autoFill="0" autoLine="0" autoPict="0">
                <anchor moveWithCells="1">
                  <from>
                    <xdr:col>6</xdr:col>
                    <xdr:colOff>22860</xdr:colOff>
                    <xdr:row>28</xdr:row>
                    <xdr:rowOff>198120</xdr:rowOff>
                  </from>
                  <to>
                    <xdr:col>6</xdr:col>
                    <xdr:colOff>220980</xdr:colOff>
                    <xdr:row>30</xdr:row>
                    <xdr:rowOff>22860</xdr:rowOff>
                  </to>
                </anchor>
              </controlPr>
            </control>
          </mc:Choice>
        </mc:AlternateContent>
        <mc:AlternateContent xmlns:mc="http://schemas.openxmlformats.org/markup-compatibility/2006">
          <mc:Choice Requires="x14">
            <control shapeId="19667" r:id="rId22" name="Check Box 211">
              <controlPr defaultSize="0" autoFill="0" autoLine="0" autoPict="0">
                <anchor moveWithCells="1">
                  <from>
                    <xdr:col>6</xdr:col>
                    <xdr:colOff>22860</xdr:colOff>
                    <xdr:row>29</xdr:row>
                    <xdr:rowOff>198120</xdr:rowOff>
                  </from>
                  <to>
                    <xdr:col>6</xdr:col>
                    <xdr:colOff>220980</xdr:colOff>
                    <xdr:row>31</xdr:row>
                    <xdr:rowOff>22860</xdr:rowOff>
                  </to>
                </anchor>
              </controlPr>
            </control>
          </mc:Choice>
        </mc:AlternateContent>
        <mc:AlternateContent xmlns:mc="http://schemas.openxmlformats.org/markup-compatibility/2006">
          <mc:Choice Requires="x14">
            <control shapeId="19668" r:id="rId23" name="Check Box 212">
              <controlPr defaultSize="0" autoFill="0" autoLine="0" autoPict="0">
                <anchor moveWithCells="1">
                  <from>
                    <xdr:col>6</xdr:col>
                    <xdr:colOff>22860</xdr:colOff>
                    <xdr:row>30</xdr:row>
                    <xdr:rowOff>213360</xdr:rowOff>
                  </from>
                  <to>
                    <xdr:col>6</xdr:col>
                    <xdr:colOff>220980</xdr:colOff>
                    <xdr:row>32</xdr:row>
                    <xdr:rowOff>30480</xdr:rowOff>
                  </to>
                </anchor>
              </controlPr>
            </control>
          </mc:Choice>
        </mc:AlternateContent>
        <mc:AlternateContent xmlns:mc="http://schemas.openxmlformats.org/markup-compatibility/2006">
          <mc:Choice Requires="x14">
            <control shapeId="19669" r:id="rId24" name="Check Box 213">
              <controlPr defaultSize="0" autoFill="0" autoLine="0" autoPict="0">
                <anchor moveWithCells="1">
                  <from>
                    <xdr:col>6</xdr:col>
                    <xdr:colOff>22860</xdr:colOff>
                    <xdr:row>31</xdr:row>
                    <xdr:rowOff>213360</xdr:rowOff>
                  </from>
                  <to>
                    <xdr:col>6</xdr:col>
                    <xdr:colOff>220980</xdr:colOff>
                    <xdr:row>33</xdr:row>
                    <xdr:rowOff>30480</xdr:rowOff>
                  </to>
                </anchor>
              </controlPr>
            </control>
          </mc:Choice>
        </mc:AlternateContent>
        <mc:AlternateContent xmlns:mc="http://schemas.openxmlformats.org/markup-compatibility/2006">
          <mc:Choice Requires="x14">
            <control shapeId="19670" r:id="rId25" name="Check Box 214">
              <controlPr defaultSize="0" autoFill="0" autoLine="0" autoPict="0">
                <anchor moveWithCells="1">
                  <from>
                    <xdr:col>6</xdr:col>
                    <xdr:colOff>22860</xdr:colOff>
                    <xdr:row>20</xdr:row>
                    <xdr:rowOff>198120</xdr:rowOff>
                  </from>
                  <to>
                    <xdr:col>6</xdr:col>
                    <xdr:colOff>220980</xdr:colOff>
                    <xdr:row>22</xdr:row>
                    <xdr:rowOff>22860</xdr:rowOff>
                  </to>
                </anchor>
              </controlPr>
            </control>
          </mc:Choice>
        </mc:AlternateContent>
        <mc:AlternateContent xmlns:mc="http://schemas.openxmlformats.org/markup-compatibility/2006">
          <mc:Choice Requires="x14">
            <control shapeId="19671" r:id="rId26" name="Check Box 215">
              <controlPr defaultSize="0" autoFill="0" autoLine="0" autoPict="0">
                <anchor moveWithCells="1">
                  <from>
                    <xdr:col>6</xdr:col>
                    <xdr:colOff>22860</xdr:colOff>
                    <xdr:row>32</xdr:row>
                    <xdr:rowOff>213360</xdr:rowOff>
                  </from>
                  <to>
                    <xdr:col>6</xdr:col>
                    <xdr:colOff>220980</xdr:colOff>
                    <xdr:row>34</xdr:row>
                    <xdr:rowOff>30480</xdr:rowOff>
                  </to>
                </anchor>
              </controlPr>
            </control>
          </mc:Choice>
        </mc:AlternateContent>
        <mc:AlternateContent xmlns:mc="http://schemas.openxmlformats.org/markup-compatibility/2006">
          <mc:Choice Requires="x14">
            <control shapeId="19672" r:id="rId27" name="Check Box 216">
              <controlPr defaultSize="0" autoFill="0" autoLine="0" autoPict="0">
                <anchor moveWithCells="1">
                  <from>
                    <xdr:col>6</xdr:col>
                    <xdr:colOff>22860</xdr:colOff>
                    <xdr:row>33</xdr:row>
                    <xdr:rowOff>198120</xdr:rowOff>
                  </from>
                  <to>
                    <xdr:col>6</xdr:col>
                    <xdr:colOff>220980</xdr:colOff>
                    <xdr:row>35</xdr:row>
                    <xdr:rowOff>22860</xdr:rowOff>
                  </to>
                </anchor>
              </controlPr>
            </control>
          </mc:Choice>
        </mc:AlternateContent>
        <mc:AlternateContent xmlns:mc="http://schemas.openxmlformats.org/markup-compatibility/2006">
          <mc:Choice Requires="x14">
            <control shapeId="19673" r:id="rId28" name="Check Box 217">
              <controlPr defaultSize="0" autoFill="0" autoLine="0" autoPict="0">
                <anchor moveWithCells="1">
                  <from>
                    <xdr:col>6</xdr:col>
                    <xdr:colOff>22860</xdr:colOff>
                    <xdr:row>34</xdr:row>
                    <xdr:rowOff>198120</xdr:rowOff>
                  </from>
                  <to>
                    <xdr:col>6</xdr:col>
                    <xdr:colOff>220980</xdr:colOff>
                    <xdr:row>36</xdr:row>
                    <xdr:rowOff>22860</xdr:rowOff>
                  </to>
                </anchor>
              </controlPr>
            </control>
          </mc:Choice>
        </mc:AlternateContent>
        <mc:AlternateContent xmlns:mc="http://schemas.openxmlformats.org/markup-compatibility/2006">
          <mc:Choice Requires="x14">
            <control shapeId="19674" r:id="rId29" name="Check Box 218">
              <controlPr defaultSize="0" autoFill="0" autoLine="0" autoPict="0">
                <anchor moveWithCells="1">
                  <from>
                    <xdr:col>6</xdr:col>
                    <xdr:colOff>22860</xdr:colOff>
                    <xdr:row>35</xdr:row>
                    <xdr:rowOff>198120</xdr:rowOff>
                  </from>
                  <to>
                    <xdr:col>6</xdr:col>
                    <xdr:colOff>220980</xdr:colOff>
                    <xdr:row>37</xdr:row>
                    <xdr:rowOff>22860</xdr:rowOff>
                  </to>
                </anchor>
              </controlPr>
            </control>
          </mc:Choice>
        </mc:AlternateContent>
        <mc:AlternateContent xmlns:mc="http://schemas.openxmlformats.org/markup-compatibility/2006">
          <mc:Choice Requires="x14">
            <control shapeId="19679" r:id="rId30" name="Check Box 223">
              <controlPr defaultSize="0" autoFill="0" autoLine="0" autoPict="0">
                <anchor moveWithCells="1">
                  <from>
                    <xdr:col>6</xdr:col>
                    <xdr:colOff>22860</xdr:colOff>
                    <xdr:row>38</xdr:row>
                    <xdr:rowOff>83820</xdr:rowOff>
                  </from>
                  <to>
                    <xdr:col>6</xdr:col>
                    <xdr:colOff>220980</xdr:colOff>
                    <xdr:row>39</xdr:row>
                    <xdr:rowOff>114300</xdr:rowOff>
                  </to>
                </anchor>
              </controlPr>
            </control>
          </mc:Choice>
        </mc:AlternateContent>
        <mc:AlternateContent xmlns:mc="http://schemas.openxmlformats.org/markup-compatibility/2006">
          <mc:Choice Requires="x14">
            <control shapeId="19680" r:id="rId31" name="Check Box 224">
              <controlPr defaultSize="0" autoFill="0" autoLine="0" autoPict="0">
                <anchor moveWithCells="1">
                  <from>
                    <xdr:col>6</xdr:col>
                    <xdr:colOff>22860</xdr:colOff>
                    <xdr:row>39</xdr:row>
                    <xdr:rowOff>198120</xdr:rowOff>
                  </from>
                  <to>
                    <xdr:col>6</xdr:col>
                    <xdr:colOff>220980</xdr:colOff>
                    <xdr:row>41</xdr:row>
                    <xdr:rowOff>22860</xdr:rowOff>
                  </to>
                </anchor>
              </controlPr>
            </control>
          </mc:Choice>
        </mc:AlternateContent>
        <mc:AlternateContent xmlns:mc="http://schemas.openxmlformats.org/markup-compatibility/2006">
          <mc:Choice Requires="x14">
            <control shapeId="19681" r:id="rId32" name="Check Box 225">
              <controlPr defaultSize="0" autoFill="0" autoLine="0" autoPict="0">
                <anchor moveWithCells="1">
                  <from>
                    <xdr:col>6</xdr:col>
                    <xdr:colOff>22860</xdr:colOff>
                    <xdr:row>40</xdr:row>
                    <xdr:rowOff>190500</xdr:rowOff>
                  </from>
                  <to>
                    <xdr:col>6</xdr:col>
                    <xdr:colOff>220980</xdr:colOff>
                    <xdr:row>42</xdr:row>
                    <xdr:rowOff>7620</xdr:rowOff>
                  </to>
                </anchor>
              </controlPr>
            </control>
          </mc:Choice>
        </mc:AlternateContent>
        <mc:AlternateContent xmlns:mc="http://schemas.openxmlformats.org/markup-compatibility/2006">
          <mc:Choice Requires="x14">
            <control shapeId="19682" r:id="rId33" name="Check Box 226">
              <controlPr defaultSize="0" autoFill="0" autoLine="0" autoPict="0">
                <anchor moveWithCells="1">
                  <from>
                    <xdr:col>6</xdr:col>
                    <xdr:colOff>22860</xdr:colOff>
                    <xdr:row>41</xdr:row>
                    <xdr:rowOff>190500</xdr:rowOff>
                  </from>
                  <to>
                    <xdr:col>6</xdr:col>
                    <xdr:colOff>220980</xdr:colOff>
                    <xdr:row>43</xdr:row>
                    <xdr:rowOff>7620</xdr:rowOff>
                  </to>
                </anchor>
              </controlPr>
            </control>
          </mc:Choice>
        </mc:AlternateContent>
        <mc:AlternateContent xmlns:mc="http://schemas.openxmlformats.org/markup-compatibility/2006">
          <mc:Choice Requires="x14">
            <control shapeId="19683" r:id="rId34" name="Check Box 227">
              <controlPr defaultSize="0" autoFill="0" autoLine="0" autoPict="0">
                <anchor moveWithCells="1">
                  <from>
                    <xdr:col>6</xdr:col>
                    <xdr:colOff>22860</xdr:colOff>
                    <xdr:row>42</xdr:row>
                    <xdr:rowOff>213360</xdr:rowOff>
                  </from>
                  <to>
                    <xdr:col>6</xdr:col>
                    <xdr:colOff>220980</xdr:colOff>
                    <xdr:row>44</xdr:row>
                    <xdr:rowOff>30480</xdr:rowOff>
                  </to>
                </anchor>
              </controlPr>
            </control>
          </mc:Choice>
        </mc:AlternateContent>
        <mc:AlternateContent xmlns:mc="http://schemas.openxmlformats.org/markup-compatibility/2006">
          <mc:Choice Requires="x14">
            <control shapeId="19684" r:id="rId35" name="Check Box 228">
              <controlPr defaultSize="0" autoFill="0" autoLine="0" autoPict="0">
                <anchor moveWithCells="1">
                  <from>
                    <xdr:col>6</xdr:col>
                    <xdr:colOff>22860</xdr:colOff>
                    <xdr:row>43</xdr:row>
                    <xdr:rowOff>220980</xdr:rowOff>
                  </from>
                  <to>
                    <xdr:col>6</xdr:col>
                    <xdr:colOff>220980</xdr:colOff>
                    <xdr:row>45</xdr:row>
                    <xdr:rowOff>30480</xdr:rowOff>
                  </to>
                </anchor>
              </controlPr>
            </control>
          </mc:Choice>
        </mc:AlternateContent>
        <mc:AlternateContent xmlns:mc="http://schemas.openxmlformats.org/markup-compatibility/2006">
          <mc:Choice Requires="x14">
            <control shapeId="19685" r:id="rId36" name="Check Box 229">
              <controlPr defaultSize="0" autoFill="0" autoLine="0" autoPict="0">
                <anchor moveWithCells="1">
                  <from>
                    <xdr:col>6</xdr:col>
                    <xdr:colOff>22860</xdr:colOff>
                    <xdr:row>45</xdr:row>
                    <xdr:rowOff>83820</xdr:rowOff>
                  </from>
                  <to>
                    <xdr:col>6</xdr:col>
                    <xdr:colOff>220980</xdr:colOff>
                    <xdr:row>46</xdr:row>
                    <xdr:rowOff>1143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3F22881-F448-4382-B478-35183CADAF67}">
  <sheetPr>
    <pageSetUpPr fitToPage="1"/>
  </sheetPr>
  <dimension ref="A1:R76"/>
  <sheetViews>
    <sheetView defaultGridColor="0" view="pageBreakPreview" topLeftCell="A76" colorId="23" zoomScaleNormal="100" zoomScaleSheetLayoutView="100" workbookViewId="0">
      <selection activeCell="A3" sqref="A3:A8"/>
    </sheetView>
  </sheetViews>
  <sheetFormatPr defaultColWidth="9" defaultRowHeight="24" customHeight="1" x14ac:dyDescent="0.45"/>
  <cols>
    <col min="1" max="9" width="4" style="16" customWidth="1"/>
    <col min="10" max="10" width="4.09765625" style="16" customWidth="1"/>
    <col min="11" max="11" width="19.5" style="16" customWidth="1"/>
    <col min="12" max="12" width="19.59765625" style="16" customWidth="1"/>
    <col min="13" max="13" width="8.69921875" style="16" customWidth="1"/>
    <col min="14" max="17" width="9" style="16"/>
    <col min="18" max="18" width="9" style="17"/>
    <col min="19" max="16384" width="9" style="16"/>
  </cols>
  <sheetData>
    <row r="1" spans="1:18" ht="21" customHeight="1" x14ac:dyDescent="0.45">
      <c r="A1" s="176" t="s">
        <v>122</v>
      </c>
      <c r="B1" s="176"/>
      <c r="C1" s="176"/>
      <c r="D1" s="176"/>
      <c r="E1" s="176"/>
      <c r="F1" s="176"/>
      <c r="G1" s="176"/>
      <c r="H1" s="176"/>
      <c r="I1" s="176"/>
      <c r="J1" s="176"/>
      <c r="K1" s="176"/>
      <c r="L1" s="176"/>
      <c r="M1" s="176"/>
    </row>
    <row r="2" spans="1:18" ht="18.75" customHeight="1" x14ac:dyDescent="0.45">
      <c r="A2" s="151" t="s">
        <v>121</v>
      </c>
      <c r="B2" s="152"/>
      <c r="C2" s="152"/>
      <c r="D2" s="152"/>
      <c r="E2" s="152"/>
      <c r="F2" s="152"/>
      <c r="G2" s="152"/>
      <c r="H2" s="152"/>
      <c r="I2" s="152"/>
      <c r="J2" s="152"/>
      <c r="K2" s="152"/>
      <c r="L2" s="153"/>
      <c r="M2" s="26" t="s">
        <v>120</v>
      </c>
    </row>
    <row r="3" spans="1:18" ht="35.1" customHeight="1" x14ac:dyDescent="0.45">
      <c r="A3" s="133" t="s">
        <v>119</v>
      </c>
      <c r="B3" s="158" t="s">
        <v>118</v>
      </c>
      <c r="C3" s="177" t="s">
        <v>117</v>
      </c>
      <c r="D3" s="149" t="s">
        <v>116</v>
      </c>
      <c r="E3" s="149"/>
      <c r="F3" s="149"/>
      <c r="G3" s="149"/>
      <c r="H3" s="149"/>
      <c r="I3" s="149"/>
      <c r="J3" s="149"/>
      <c r="K3" s="149"/>
      <c r="L3" s="149"/>
      <c r="M3" s="26" t="s">
        <v>37</v>
      </c>
      <c r="P3" s="40"/>
      <c r="R3" s="39" t="s">
        <v>115</v>
      </c>
    </row>
    <row r="4" spans="1:18" ht="35.1" customHeight="1" x14ac:dyDescent="0.45">
      <c r="A4" s="134"/>
      <c r="B4" s="162"/>
      <c r="C4" s="159"/>
      <c r="D4" s="149" t="s">
        <v>114</v>
      </c>
      <c r="E4" s="149"/>
      <c r="F4" s="149"/>
      <c r="G4" s="149"/>
      <c r="H4" s="149"/>
      <c r="I4" s="149"/>
      <c r="J4" s="149"/>
      <c r="K4" s="149"/>
      <c r="L4" s="149"/>
      <c r="M4" s="26" t="s">
        <v>37</v>
      </c>
      <c r="P4" s="40"/>
      <c r="R4" s="35" t="s">
        <v>113</v>
      </c>
    </row>
    <row r="5" spans="1:18" ht="35.1" customHeight="1" x14ac:dyDescent="0.45">
      <c r="A5" s="134"/>
      <c r="B5" s="162"/>
      <c r="C5" s="143" t="s">
        <v>112</v>
      </c>
      <c r="D5" s="137" t="s">
        <v>111</v>
      </c>
      <c r="E5" s="138"/>
      <c r="F5" s="138"/>
      <c r="G5" s="138"/>
      <c r="H5" s="138"/>
      <c r="I5" s="138"/>
      <c r="J5" s="138"/>
      <c r="K5" s="138"/>
      <c r="L5" s="139"/>
      <c r="M5" s="26" t="s">
        <v>37</v>
      </c>
      <c r="P5" s="40"/>
      <c r="R5" s="39" t="s">
        <v>110</v>
      </c>
    </row>
    <row r="6" spans="1:18" ht="20.100000000000001" customHeight="1" x14ac:dyDescent="0.45">
      <c r="A6" s="134"/>
      <c r="B6" s="163"/>
      <c r="C6" s="143"/>
      <c r="D6" s="137" t="s">
        <v>109</v>
      </c>
      <c r="E6" s="138"/>
      <c r="F6" s="138"/>
      <c r="G6" s="138"/>
      <c r="H6" s="138"/>
      <c r="I6" s="138"/>
      <c r="J6" s="138"/>
      <c r="K6" s="138"/>
      <c r="L6" s="139"/>
      <c r="M6" s="26" t="s">
        <v>37</v>
      </c>
      <c r="O6" s="38"/>
      <c r="P6" s="37"/>
      <c r="R6" s="39" t="s">
        <v>108</v>
      </c>
    </row>
    <row r="7" spans="1:18" ht="35.1" customHeight="1" x14ac:dyDescent="0.45">
      <c r="A7" s="134"/>
      <c r="B7" s="158" t="s">
        <v>107</v>
      </c>
      <c r="C7" s="131" t="s">
        <v>106</v>
      </c>
      <c r="D7" s="156" t="s">
        <v>105</v>
      </c>
      <c r="E7" s="169"/>
      <c r="F7" s="169"/>
      <c r="G7" s="169"/>
      <c r="H7" s="169"/>
      <c r="I7" s="169"/>
      <c r="J7" s="169"/>
      <c r="K7" s="169"/>
      <c r="L7" s="178"/>
      <c r="M7" s="26" t="s">
        <v>13</v>
      </c>
      <c r="O7" s="38"/>
      <c r="P7" s="37"/>
    </row>
    <row r="8" spans="1:18" ht="45" customHeight="1" x14ac:dyDescent="0.45">
      <c r="A8" s="135"/>
      <c r="B8" s="159"/>
      <c r="C8" s="132"/>
      <c r="D8" s="149" t="s">
        <v>104</v>
      </c>
      <c r="E8" s="149"/>
      <c r="F8" s="149"/>
      <c r="G8" s="149"/>
      <c r="H8" s="149"/>
      <c r="I8" s="149"/>
      <c r="J8" s="149"/>
      <c r="K8" s="149"/>
      <c r="L8" s="149"/>
      <c r="M8" s="26" t="s">
        <v>13</v>
      </c>
      <c r="O8" s="38"/>
      <c r="P8" s="37"/>
    </row>
    <row r="9" spans="1:18" ht="60" customHeight="1" x14ac:dyDescent="0.45">
      <c r="A9" s="131" t="s">
        <v>92</v>
      </c>
      <c r="B9" s="131" t="s">
        <v>91</v>
      </c>
      <c r="C9" s="158" t="s">
        <v>103</v>
      </c>
      <c r="D9" s="156" t="s">
        <v>102</v>
      </c>
      <c r="E9" s="169"/>
      <c r="F9" s="169"/>
      <c r="G9" s="169"/>
      <c r="H9" s="169"/>
      <c r="I9" s="169"/>
      <c r="J9" s="169"/>
      <c r="K9" s="169"/>
      <c r="L9" s="178"/>
      <c r="M9" s="26" t="s">
        <v>9</v>
      </c>
    </row>
    <row r="10" spans="1:18" ht="45" customHeight="1" x14ac:dyDescent="0.45">
      <c r="A10" s="136"/>
      <c r="B10" s="136"/>
      <c r="C10" s="159"/>
      <c r="D10" s="149" t="s">
        <v>101</v>
      </c>
      <c r="E10" s="149"/>
      <c r="F10" s="149"/>
      <c r="G10" s="149"/>
      <c r="H10" s="149"/>
      <c r="I10" s="149"/>
      <c r="J10" s="149"/>
      <c r="K10" s="149"/>
      <c r="L10" s="149"/>
      <c r="M10" s="26" t="s">
        <v>13</v>
      </c>
    </row>
    <row r="11" spans="1:18" ht="60" customHeight="1" x14ac:dyDescent="0.45">
      <c r="A11" s="136"/>
      <c r="B11" s="136"/>
      <c r="C11" s="131" t="s">
        <v>90</v>
      </c>
      <c r="D11" s="148" t="s">
        <v>100</v>
      </c>
      <c r="E11" s="149"/>
      <c r="F11" s="149"/>
      <c r="G11" s="149"/>
      <c r="H11" s="149"/>
      <c r="I11" s="149"/>
      <c r="J11" s="149"/>
      <c r="K11" s="149"/>
      <c r="L11" s="149"/>
      <c r="M11" s="26" t="s">
        <v>9</v>
      </c>
    </row>
    <row r="12" spans="1:18" ht="17.100000000000001" customHeight="1" x14ac:dyDescent="0.45">
      <c r="A12" s="136"/>
      <c r="B12" s="136"/>
      <c r="C12" s="136"/>
      <c r="D12" s="136"/>
      <c r="E12" s="151" t="s">
        <v>99</v>
      </c>
      <c r="F12" s="152"/>
      <c r="G12" s="152"/>
      <c r="H12" s="152"/>
      <c r="I12" s="152"/>
      <c r="J12" s="36"/>
      <c r="K12" s="28"/>
      <c r="L12" s="27"/>
      <c r="M12" s="133" t="s">
        <v>9</v>
      </c>
    </row>
    <row r="13" spans="1:18" s="30" customFormat="1" ht="37.5" customHeight="1" x14ac:dyDescent="0.45">
      <c r="A13" s="136"/>
      <c r="B13" s="136"/>
      <c r="C13" s="136"/>
      <c r="D13" s="136"/>
      <c r="E13" s="140" t="s">
        <v>98</v>
      </c>
      <c r="F13" s="141"/>
      <c r="G13" s="141"/>
      <c r="H13" s="141"/>
      <c r="I13" s="141"/>
      <c r="J13" s="141"/>
      <c r="K13" s="141"/>
      <c r="L13" s="142"/>
      <c r="M13" s="135"/>
      <c r="R13" s="35"/>
    </row>
    <row r="14" spans="1:18" s="30" customFormat="1" ht="17.100000000000001" customHeight="1" x14ac:dyDescent="0.45">
      <c r="A14" s="136"/>
      <c r="B14" s="136"/>
      <c r="C14" s="136"/>
      <c r="D14" s="136"/>
      <c r="E14" s="151" t="s">
        <v>97</v>
      </c>
      <c r="F14" s="152"/>
      <c r="G14" s="152"/>
      <c r="H14" s="152"/>
      <c r="I14" s="152"/>
      <c r="J14" s="36"/>
      <c r="K14" s="24"/>
      <c r="L14" s="23"/>
      <c r="M14" s="133" t="s">
        <v>9</v>
      </c>
      <c r="R14" s="35"/>
    </row>
    <row r="15" spans="1:18" s="30" customFormat="1" ht="144.9" customHeight="1" x14ac:dyDescent="0.45">
      <c r="A15" s="136"/>
      <c r="B15" s="136"/>
      <c r="C15" s="136"/>
      <c r="D15" s="136"/>
      <c r="E15" s="140" t="s">
        <v>96</v>
      </c>
      <c r="F15" s="141"/>
      <c r="G15" s="141"/>
      <c r="H15" s="141"/>
      <c r="I15" s="141"/>
      <c r="J15" s="141"/>
      <c r="K15" s="141"/>
      <c r="L15" s="142"/>
      <c r="M15" s="135"/>
      <c r="O15" s="30" t="s">
        <v>95</v>
      </c>
      <c r="R15" s="35"/>
    </row>
    <row r="16" spans="1:18" s="30" customFormat="1" ht="17.100000000000001" customHeight="1" x14ac:dyDescent="0.45">
      <c r="A16" s="136"/>
      <c r="B16" s="136"/>
      <c r="C16" s="136"/>
      <c r="D16" s="136"/>
      <c r="E16" s="151" t="s">
        <v>94</v>
      </c>
      <c r="F16" s="152"/>
      <c r="G16" s="152"/>
      <c r="H16" s="152"/>
      <c r="I16" s="152"/>
      <c r="J16" s="153"/>
      <c r="K16" s="150"/>
      <c r="L16" s="133"/>
      <c r="M16" s="133" t="s">
        <v>9</v>
      </c>
      <c r="R16" s="35"/>
    </row>
    <row r="17" spans="1:18" s="30" customFormat="1" ht="185.1" customHeight="1" x14ac:dyDescent="0.45">
      <c r="A17" s="136"/>
      <c r="B17" s="136"/>
      <c r="C17" s="136"/>
      <c r="D17" s="132"/>
      <c r="E17" s="140" t="s">
        <v>93</v>
      </c>
      <c r="F17" s="141"/>
      <c r="G17" s="141"/>
      <c r="H17" s="141"/>
      <c r="I17" s="141"/>
      <c r="J17" s="141"/>
      <c r="K17" s="141"/>
      <c r="L17" s="142"/>
      <c r="M17" s="135"/>
      <c r="R17" s="35"/>
    </row>
    <row r="18" spans="1:18" ht="35.1" customHeight="1" x14ac:dyDescent="0.45">
      <c r="A18" s="131" t="s">
        <v>92</v>
      </c>
      <c r="B18" s="131" t="s">
        <v>91</v>
      </c>
      <c r="C18" s="136" t="s">
        <v>90</v>
      </c>
      <c r="D18" s="149" t="s">
        <v>89</v>
      </c>
      <c r="E18" s="149"/>
      <c r="F18" s="149"/>
      <c r="G18" s="149"/>
      <c r="H18" s="149"/>
      <c r="I18" s="149"/>
      <c r="J18" s="149"/>
      <c r="K18" s="149"/>
      <c r="L18" s="149"/>
      <c r="M18" s="26" t="s">
        <v>9</v>
      </c>
    </row>
    <row r="19" spans="1:18" ht="35.1" customHeight="1" x14ac:dyDescent="0.45">
      <c r="A19" s="136"/>
      <c r="B19" s="136"/>
      <c r="C19" s="136"/>
      <c r="D19" s="149" t="s">
        <v>88</v>
      </c>
      <c r="E19" s="149"/>
      <c r="F19" s="149"/>
      <c r="G19" s="149"/>
      <c r="H19" s="149"/>
      <c r="I19" s="149"/>
      <c r="J19" s="149"/>
      <c r="K19" s="149"/>
      <c r="L19" s="149"/>
      <c r="M19" s="26" t="s">
        <v>9</v>
      </c>
    </row>
    <row r="20" spans="1:18" ht="45" customHeight="1" x14ac:dyDescent="0.45">
      <c r="A20" s="136"/>
      <c r="B20" s="136"/>
      <c r="C20" s="136"/>
      <c r="D20" s="156" t="s">
        <v>87</v>
      </c>
      <c r="E20" s="169"/>
      <c r="F20" s="169"/>
      <c r="G20" s="169"/>
      <c r="H20" s="169"/>
      <c r="I20" s="169"/>
      <c r="J20" s="169"/>
      <c r="K20" s="169"/>
      <c r="L20" s="178"/>
      <c r="M20" s="26" t="s">
        <v>9</v>
      </c>
    </row>
    <row r="21" spans="1:18" ht="35.1" customHeight="1" x14ac:dyDescent="0.45">
      <c r="A21" s="136"/>
      <c r="B21" s="136"/>
      <c r="C21" s="136"/>
      <c r="D21" s="25"/>
      <c r="E21" s="26"/>
      <c r="F21" s="146" t="s">
        <v>86</v>
      </c>
      <c r="G21" s="138" t="s">
        <v>85</v>
      </c>
      <c r="H21" s="138"/>
      <c r="I21" s="138"/>
      <c r="J21" s="138"/>
      <c r="K21" s="138"/>
      <c r="L21" s="139"/>
      <c r="M21" s="26" t="s">
        <v>9</v>
      </c>
    </row>
    <row r="22" spans="1:18" ht="20.100000000000001" customHeight="1" x14ac:dyDescent="0.45">
      <c r="A22" s="136"/>
      <c r="B22" s="136"/>
      <c r="C22" s="136"/>
      <c r="D22" s="34"/>
      <c r="E22" s="26"/>
      <c r="F22" s="147"/>
      <c r="G22" s="138" t="s">
        <v>84</v>
      </c>
      <c r="H22" s="138"/>
      <c r="I22" s="138"/>
      <c r="J22" s="138"/>
      <c r="K22" s="138"/>
      <c r="L22" s="139"/>
      <c r="M22" s="26" t="s">
        <v>9</v>
      </c>
    </row>
    <row r="23" spans="1:18" ht="35.1" customHeight="1" x14ac:dyDescent="0.45">
      <c r="A23" s="136"/>
      <c r="B23" s="136"/>
      <c r="C23" s="136"/>
      <c r="D23" s="34"/>
      <c r="E23" s="26"/>
      <c r="F23" s="146" t="s">
        <v>83</v>
      </c>
      <c r="G23" s="138" t="s">
        <v>82</v>
      </c>
      <c r="H23" s="138"/>
      <c r="I23" s="138"/>
      <c r="J23" s="138"/>
      <c r="K23" s="138"/>
      <c r="L23" s="139"/>
      <c r="M23" s="26" t="s">
        <v>9</v>
      </c>
    </row>
    <row r="24" spans="1:18" ht="35.1" customHeight="1" x14ac:dyDescent="0.45">
      <c r="A24" s="136"/>
      <c r="B24" s="136"/>
      <c r="C24" s="136"/>
      <c r="D24" s="34"/>
      <c r="E24" s="26"/>
      <c r="F24" s="147"/>
      <c r="G24" s="138" t="s">
        <v>81</v>
      </c>
      <c r="H24" s="138"/>
      <c r="I24" s="138"/>
      <c r="J24" s="138"/>
      <c r="K24" s="138"/>
      <c r="L24" s="139"/>
      <c r="M24" s="26" t="s">
        <v>9</v>
      </c>
    </row>
    <row r="25" spans="1:18" ht="20.100000000000001" customHeight="1" x14ac:dyDescent="0.45">
      <c r="A25" s="136"/>
      <c r="B25" s="136"/>
      <c r="C25" s="136"/>
      <c r="D25" s="34"/>
      <c r="E25" s="26"/>
      <c r="F25" s="144" t="s">
        <v>80</v>
      </c>
      <c r="G25" s="138" t="s">
        <v>79</v>
      </c>
      <c r="H25" s="138"/>
      <c r="I25" s="138"/>
      <c r="J25" s="138"/>
      <c r="K25" s="138"/>
      <c r="L25" s="139"/>
      <c r="M25" s="26" t="s">
        <v>9</v>
      </c>
    </row>
    <row r="26" spans="1:18" ht="26.25" customHeight="1" x14ac:dyDescent="0.45">
      <c r="A26" s="136"/>
      <c r="B26" s="136"/>
      <c r="C26" s="136"/>
      <c r="D26" s="34"/>
      <c r="E26" s="26"/>
      <c r="F26" s="145"/>
      <c r="G26" s="138" t="s">
        <v>78</v>
      </c>
      <c r="H26" s="138"/>
      <c r="I26" s="138"/>
      <c r="J26" s="138"/>
      <c r="K26" s="138"/>
      <c r="L26" s="139"/>
      <c r="M26" s="26" t="s">
        <v>9</v>
      </c>
    </row>
    <row r="27" spans="1:18" ht="35.1" customHeight="1" x14ac:dyDescent="0.45">
      <c r="A27" s="136"/>
      <c r="B27" s="136"/>
      <c r="C27" s="136"/>
      <c r="D27" s="34"/>
      <c r="E27" s="26"/>
      <c r="F27" s="138" t="s">
        <v>77</v>
      </c>
      <c r="G27" s="138"/>
      <c r="H27" s="138"/>
      <c r="I27" s="138"/>
      <c r="J27" s="138"/>
      <c r="K27" s="138"/>
      <c r="L27" s="139"/>
      <c r="M27" s="26" t="s">
        <v>9</v>
      </c>
    </row>
    <row r="28" spans="1:18" ht="60" customHeight="1" x14ac:dyDescent="0.45">
      <c r="A28" s="136"/>
      <c r="B28" s="136"/>
      <c r="C28" s="136"/>
      <c r="D28" s="34"/>
      <c r="E28" s="26"/>
      <c r="F28" s="138" t="s">
        <v>76</v>
      </c>
      <c r="G28" s="138"/>
      <c r="H28" s="138"/>
      <c r="I28" s="138"/>
      <c r="J28" s="138"/>
      <c r="K28" s="138"/>
      <c r="L28" s="139"/>
      <c r="M28" s="26" t="s">
        <v>9</v>
      </c>
    </row>
    <row r="29" spans="1:18" ht="35.1" customHeight="1" x14ac:dyDescent="0.45">
      <c r="A29" s="136"/>
      <c r="B29" s="136"/>
      <c r="C29" s="136"/>
      <c r="D29" s="34"/>
      <c r="E29" s="26"/>
      <c r="F29" s="138" t="s">
        <v>75</v>
      </c>
      <c r="G29" s="138"/>
      <c r="H29" s="138"/>
      <c r="I29" s="138"/>
      <c r="J29" s="138"/>
      <c r="K29" s="138"/>
      <c r="L29" s="139"/>
      <c r="M29" s="26" t="s">
        <v>9</v>
      </c>
    </row>
    <row r="30" spans="1:18" ht="45" customHeight="1" x14ac:dyDescent="0.45">
      <c r="A30" s="136"/>
      <c r="B30" s="136"/>
      <c r="C30" s="136"/>
      <c r="D30" s="34"/>
      <c r="E30" s="26"/>
      <c r="F30" s="138" t="s">
        <v>74</v>
      </c>
      <c r="G30" s="138"/>
      <c r="H30" s="138"/>
      <c r="I30" s="138"/>
      <c r="J30" s="138"/>
      <c r="K30" s="138"/>
      <c r="L30" s="139"/>
      <c r="M30" s="26" t="s">
        <v>9</v>
      </c>
    </row>
    <row r="31" spans="1:18" ht="20.100000000000001" customHeight="1" x14ac:dyDescent="0.45">
      <c r="A31" s="136"/>
      <c r="B31" s="136"/>
      <c r="C31" s="136"/>
      <c r="D31" s="149" t="s">
        <v>73</v>
      </c>
      <c r="E31" s="149"/>
      <c r="F31" s="149"/>
      <c r="G31" s="149"/>
      <c r="H31" s="149"/>
      <c r="I31" s="149"/>
      <c r="J31" s="149"/>
      <c r="K31" s="149"/>
      <c r="L31" s="149"/>
      <c r="M31" s="26" t="s">
        <v>9</v>
      </c>
    </row>
    <row r="32" spans="1:18" ht="35.1" customHeight="1" x14ac:dyDescent="0.45">
      <c r="A32" s="136"/>
      <c r="B32" s="132"/>
      <c r="C32" s="132"/>
      <c r="D32" s="149" t="s">
        <v>72</v>
      </c>
      <c r="E32" s="149"/>
      <c r="F32" s="149"/>
      <c r="G32" s="149"/>
      <c r="H32" s="149"/>
      <c r="I32" s="149"/>
      <c r="J32" s="149"/>
      <c r="K32" s="149"/>
      <c r="L32" s="149"/>
      <c r="M32" s="26" t="s">
        <v>9</v>
      </c>
    </row>
    <row r="33" spans="1:13" ht="45" customHeight="1" x14ac:dyDescent="0.45">
      <c r="A33" s="136"/>
      <c r="B33" s="131" t="s">
        <v>62</v>
      </c>
      <c r="C33" s="131" t="s">
        <v>71</v>
      </c>
      <c r="D33" s="148" t="s">
        <v>70</v>
      </c>
      <c r="E33" s="149"/>
      <c r="F33" s="149"/>
      <c r="G33" s="149"/>
      <c r="H33" s="149"/>
      <c r="I33" s="149"/>
      <c r="J33" s="149"/>
      <c r="K33" s="149"/>
      <c r="L33" s="149"/>
      <c r="M33" s="26" t="s">
        <v>37</v>
      </c>
    </row>
    <row r="34" spans="1:13" ht="45" customHeight="1" x14ac:dyDescent="0.45">
      <c r="A34" s="136"/>
      <c r="B34" s="136"/>
      <c r="C34" s="136"/>
      <c r="D34" s="132"/>
      <c r="E34" s="137" t="s">
        <v>69</v>
      </c>
      <c r="F34" s="138"/>
      <c r="G34" s="138"/>
      <c r="H34" s="138"/>
      <c r="I34" s="138"/>
      <c r="J34" s="138"/>
      <c r="K34" s="138"/>
      <c r="L34" s="139"/>
      <c r="M34" s="26" t="s">
        <v>9</v>
      </c>
    </row>
    <row r="35" spans="1:13" ht="35.1" customHeight="1" x14ac:dyDescent="0.45">
      <c r="A35" s="136"/>
      <c r="B35" s="136"/>
      <c r="C35" s="134"/>
      <c r="D35" s="157"/>
      <c r="E35" s="137" t="s">
        <v>68</v>
      </c>
      <c r="F35" s="138"/>
      <c r="G35" s="138"/>
      <c r="H35" s="138"/>
      <c r="I35" s="138"/>
      <c r="J35" s="138"/>
      <c r="K35" s="138"/>
      <c r="L35" s="139"/>
      <c r="M35" s="26" t="s">
        <v>9</v>
      </c>
    </row>
    <row r="36" spans="1:13" ht="20.100000000000001" customHeight="1" x14ac:dyDescent="0.45">
      <c r="A36" s="136"/>
      <c r="B36" s="136"/>
      <c r="C36" s="134"/>
      <c r="D36" s="149" t="s">
        <v>67</v>
      </c>
      <c r="E36" s="149"/>
      <c r="F36" s="149"/>
      <c r="G36" s="149"/>
      <c r="H36" s="149"/>
      <c r="I36" s="149"/>
      <c r="J36" s="149"/>
      <c r="K36" s="149"/>
      <c r="L36" s="149"/>
      <c r="M36" s="26" t="s">
        <v>13</v>
      </c>
    </row>
    <row r="37" spans="1:13" ht="45" customHeight="1" x14ac:dyDescent="0.45">
      <c r="A37" s="136"/>
      <c r="B37" s="136"/>
      <c r="C37" s="134"/>
      <c r="D37" s="149" t="s">
        <v>66</v>
      </c>
      <c r="E37" s="149"/>
      <c r="F37" s="149"/>
      <c r="G37" s="149"/>
      <c r="H37" s="149"/>
      <c r="I37" s="149"/>
      <c r="J37" s="149"/>
      <c r="K37" s="149"/>
      <c r="L37" s="149"/>
      <c r="M37" s="26" t="s">
        <v>9</v>
      </c>
    </row>
    <row r="38" spans="1:13" ht="35.1" customHeight="1" x14ac:dyDescent="0.45">
      <c r="A38" s="136"/>
      <c r="B38" s="136"/>
      <c r="C38" s="134"/>
      <c r="D38" s="149" t="s">
        <v>65</v>
      </c>
      <c r="E38" s="149"/>
      <c r="F38" s="149"/>
      <c r="G38" s="149"/>
      <c r="H38" s="149"/>
      <c r="I38" s="149"/>
      <c r="J38" s="149"/>
      <c r="K38" s="149"/>
      <c r="L38" s="149"/>
      <c r="M38" s="26" t="s">
        <v>13</v>
      </c>
    </row>
    <row r="39" spans="1:13" ht="37.5" customHeight="1" x14ac:dyDescent="0.45">
      <c r="A39" s="136"/>
      <c r="B39" s="136"/>
      <c r="C39" s="135"/>
      <c r="D39" s="149" t="s">
        <v>64</v>
      </c>
      <c r="E39" s="149"/>
      <c r="F39" s="149"/>
      <c r="G39" s="149"/>
      <c r="H39" s="149"/>
      <c r="I39" s="149"/>
      <c r="J39" s="149"/>
      <c r="K39" s="149"/>
      <c r="L39" s="149"/>
      <c r="M39" s="26" t="s">
        <v>9</v>
      </c>
    </row>
    <row r="40" spans="1:13" ht="20.100000000000001" customHeight="1" x14ac:dyDescent="0.45">
      <c r="A40" s="136" t="s">
        <v>63</v>
      </c>
      <c r="B40" s="136" t="s">
        <v>62</v>
      </c>
      <c r="C40" s="131" t="s">
        <v>61</v>
      </c>
      <c r="D40" s="149" t="s">
        <v>60</v>
      </c>
      <c r="E40" s="149"/>
      <c r="F40" s="149"/>
      <c r="G40" s="149"/>
      <c r="H40" s="149"/>
      <c r="I40" s="149"/>
      <c r="J40" s="149"/>
      <c r="K40" s="149"/>
      <c r="L40" s="149"/>
      <c r="M40" s="26" t="s">
        <v>9</v>
      </c>
    </row>
    <row r="41" spans="1:13" ht="37.5" customHeight="1" x14ac:dyDescent="0.45">
      <c r="A41" s="136"/>
      <c r="B41" s="136"/>
      <c r="C41" s="136"/>
      <c r="D41" s="149" t="s">
        <v>59</v>
      </c>
      <c r="E41" s="149"/>
      <c r="F41" s="149"/>
      <c r="G41" s="149"/>
      <c r="H41" s="149"/>
      <c r="I41" s="149"/>
      <c r="J41" s="149"/>
      <c r="K41" s="149"/>
      <c r="L41" s="149"/>
      <c r="M41" s="26" t="s">
        <v>9</v>
      </c>
    </row>
    <row r="42" spans="1:13" ht="45" customHeight="1" x14ac:dyDescent="0.45">
      <c r="A42" s="136"/>
      <c r="B42" s="136"/>
      <c r="C42" s="136"/>
      <c r="D42" s="149" t="s">
        <v>58</v>
      </c>
      <c r="E42" s="149"/>
      <c r="F42" s="149"/>
      <c r="G42" s="149"/>
      <c r="H42" s="149"/>
      <c r="I42" s="149"/>
      <c r="J42" s="149"/>
      <c r="K42" s="149"/>
      <c r="L42" s="149"/>
      <c r="M42" s="26" t="s">
        <v>9</v>
      </c>
    </row>
    <row r="43" spans="1:13" ht="35.1" customHeight="1" x14ac:dyDescent="0.45">
      <c r="A43" s="136"/>
      <c r="B43" s="136"/>
      <c r="C43" s="132"/>
      <c r="D43" s="137" t="s">
        <v>57</v>
      </c>
      <c r="E43" s="138"/>
      <c r="F43" s="138"/>
      <c r="G43" s="138"/>
      <c r="H43" s="138"/>
      <c r="I43" s="138"/>
      <c r="J43" s="138"/>
      <c r="K43" s="138"/>
      <c r="L43" s="139"/>
      <c r="M43" s="26" t="s">
        <v>9</v>
      </c>
    </row>
    <row r="44" spans="1:13" ht="45" customHeight="1" x14ac:dyDescent="0.45">
      <c r="A44" s="136"/>
      <c r="B44" s="136"/>
      <c r="C44" s="158" t="s">
        <v>56</v>
      </c>
      <c r="D44" s="149" t="s">
        <v>55</v>
      </c>
      <c r="E44" s="149"/>
      <c r="F44" s="149"/>
      <c r="G44" s="149"/>
      <c r="H44" s="149"/>
      <c r="I44" s="149"/>
      <c r="J44" s="149"/>
      <c r="K44" s="149"/>
      <c r="L44" s="149"/>
      <c r="M44" s="26" t="s">
        <v>13</v>
      </c>
    </row>
    <row r="45" spans="1:13" ht="35.1" customHeight="1" x14ac:dyDescent="0.45">
      <c r="A45" s="136"/>
      <c r="B45" s="136"/>
      <c r="C45" s="159"/>
      <c r="D45" s="149" t="s">
        <v>54</v>
      </c>
      <c r="E45" s="149"/>
      <c r="F45" s="149"/>
      <c r="G45" s="149"/>
      <c r="H45" s="149"/>
      <c r="I45" s="149"/>
      <c r="J45" s="149"/>
      <c r="K45" s="149"/>
      <c r="L45" s="149"/>
      <c r="M45" s="26" t="s">
        <v>9</v>
      </c>
    </row>
    <row r="46" spans="1:13" ht="35.1" customHeight="1" x14ac:dyDescent="0.45">
      <c r="A46" s="136"/>
      <c r="B46" s="136"/>
      <c r="C46" s="131" t="s">
        <v>53</v>
      </c>
      <c r="D46" s="149" t="s">
        <v>52</v>
      </c>
      <c r="E46" s="149"/>
      <c r="F46" s="149"/>
      <c r="G46" s="149"/>
      <c r="H46" s="149"/>
      <c r="I46" s="149"/>
      <c r="J46" s="149"/>
      <c r="K46" s="149"/>
      <c r="L46" s="149"/>
      <c r="M46" s="26" t="s">
        <v>13</v>
      </c>
    </row>
    <row r="47" spans="1:13" ht="35.1" customHeight="1" x14ac:dyDescent="0.45">
      <c r="A47" s="136"/>
      <c r="B47" s="136"/>
      <c r="C47" s="136"/>
      <c r="D47" s="149" t="s">
        <v>51</v>
      </c>
      <c r="E47" s="149"/>
      <c r="F47" s="149"/>
      <c r="G47" s="149"/>
      <c r="H47" s="149"/>
      <c r="I47" s="149"/>
      <c r="J47" s="149"/>
      <c r="K47" s="149"/>
      <c r="L47" s="149"/>
      <c r="M47" s="26" t="s">
        <v>13</v>
      </c>
    </row>
    <row r="48" spans="1:13" ht="35.1" customHeight="1" x14ac:dyDescent="0.45">
      <c r="A48" s="136"/>
      <c r="B48" s="136"/>
      <c r="C48" s="136"/>
      <c r="D48" s="149" t="s">
        <v>50</v>
      </c>
      <c r="E48" s="149"/>
      <c r="F48" s="149"/>
      <c r="G48" s="149"/>
      <c r="H48" s="149"/>
      <c r="I48" s="149"/>
      <c r="J48" s="149"/>
      <c r="K48" s="149"/>
      <c r="L48" s="149"/>
      <c r="M48" s="26" t="s">
        <v>37</v>
      </c>
    </row>
    <row r="49" spans="1:13" ht="35.1" customHeight="1" x14ac:dyDescent="0.45">
      <c r="A49" s="136"/>
      <c r="B49" s="136"/>
      <c r="C49" s="136"/>
      <c r="D49" s="149" t="s">
        <v>49</v>
      </c>
      <c r="E49" s="149"/>
      <c r="F49" s="149"/>
      <c r="G49" s="149"/>
      <c r="H49" s="149"/>
      <c r="I49" s="149"/>
      <c r="J49" s="149"/>
      <c r="K49" s="149"/>
      <c r="L49" s="149"/>
      <c r="M49" s="26" t="s">
        <v>9</v>
      </c>
    </row>
    <row r="50" spans="1:13" ht="20.100000000000001" customHeight="1" x14ac:dyDescent="0.45">
      <c r="A50" s="136"/>
      <c r="B50" s="136"/>
      <c r="C50" s="136"/>
      <c r="D50" s="149" t="s">
        <v>48</v>
      </c>
      <c r="E50" s="149"/>
      <c r="F50" s="149"/>
      <c r="G50" s="149"/>
      <c r="H50" s="149"/>
      <c r="I50" s="149"/>
      <c r="J50" s="149"/>
      <c r="K50" s="149"/>
      <c r="L50" s="149"/>
      <c r="M50" s="26" t="s">
        <v>13</v>
      </c>
    </row>
    <row r="51" spans="1:13" ht="35.1" customHeight="1" x14ac:dyDescent="0.45">
      <c r="A51" s="136"/>
      <c r="B51" s="136"/>
      <c r="C51" s="132"/>
      <c r="D51" s="149" t="s">
        <v>47</v>
      </c>
      <c r="E51" s="149"/>
      <c r="F51" s="149"/>
      <c r="G51" s="149"/>
      <c r="H51" s="149"/>
      <c r="I51" s="149"/>
      <c r="J51" s="149"/>
      <c r="K51" s="149"/>
      <c r="L51" s="149"/>
      <c r="M51" s="26" t="s">
        <v>13</v>
      </c>
    </row>
    <row r="52" spans="1:13" ht="45" customHeight="1" x14ac:dyDescent="0.45">
      <c r="A52" s="132"/>
      <c r="B52" s="132"/>
      <c r="C52" s="33" t="s">
        <v>46</v>
      </c>
      <c r="D52" s="141" t="s">
        <v>45</v>
      </c>
      <c r="E52" s="141"/>
      <c r="F52" s="141"/>
      <c r="G52" s="141"/>
      <c r="H52" s="141"/>
      <c r="I52" s="141"/>
      <c r="J52" s="141"/>
      <c r="K52" s="141"/>
      <c r="L52" s="142"/>
      <c r="M52" s="20" t="s">
        <v>13</v>
      </c>
    </row>
    <row r="53" spans="1:13" ht="35.1" customHeight="1" x14ac:dyDescent="0.45">
      <c r="A53" s="179" t="s">
        <v>44</v>
      </c>
      <c r="B53" s="131" t="s">
        <v>43</v>
      </c>
      <c r="C53" s="137" t="s">
        <v>42</v>
      </c>
      <c r="D53" s="138"/>
      <c r="E53" s="138"/>
      <c r="F53" s="138"/>
      <c r="G53" s="138"/>
      <c r="H53" s="138"/>
      <c r="I53" s="138"/>
      <c r="J53" s="138"/>
      <c r="K53" s="138"/>
      <c r="L53" s="139"/>
      <c r="M53" s="26" t="s">
        <v>13</v>
      </c>
    </row>
    <row r="54" spans="1:13" ht="45" customHeight="1" x14ac:dyDescent="0.45">
      <c r="A54" s="180"/>
      <c r="B54" s="132"/>
      <c r="C54" s="140" t="s">
        <v>41</v>
      </c>
      <c r="D54" s="141"/>
      <c r="E54" s="141"/>
      <c r="F54" s="141"/>
      <c r="G54" s="141"/>
      <c r="H54" s="141"/>
      <c r="I54" s="141"/>
      <c r="J54" s="141"/>
      <c r="K54" s="141"/>
      <c r="L54" s="142"/>
      <c r="M54" s="26" t="s">
        <v>13</v>
      </c>
    </row>
    <row r="55" spans="1:13" ht="20.100000000000001" customHeight="1" x14ac:dyDescent="0.45">
      <c r="A55" s="131" t="s">
        <v>40</v>
      </c>
      <c r="B55" s="158" t="s">
        <v>39</v>
      </c>
      <c r="C55" s="137" t="s">
        <v>38</v>
      </c>
      <c r="D55" s="138"/>
      <c r="E55" s="138"/>
      <c r="F55" s="138"/>
      <c r="G55" s="138"/>
      <c r="H55" s="138"/>
      <c r="I55" s="138"/>
      <c r="J55" s="138"/>
      <c r="K55" s="138"/>
      <c r="L55" s="139"/>
      <c r="M55" s="26" t="s">
        <v>37</v>
      </c>
    </row>
    <row r="56" spans="1:13" ht="35.1" customHeight="1" x14ac:dyDescent="0.45">
      <c r="A56" s="136"/>
      <c r="B56" s="172"/>
      <c r="C56" s="137" t="s">
        <v>36</v>
      </c>
      <c r="D56" s="138"/>
      <c r="E56" s="138"/>
      <c r="F56" s="138"/>
      <c r="G56" s="138"/>
      <c r="H56" s="138"/>
      <c r="I56" s="138"/>
      <c r="J56" s="138"/>
      <c r="K56" s="138"/>
      <c r="L56" s="139"/>
      <c r="M56" s="26" t="s">
        <v>13</v>
      </c>
    </row>
    <row r="57" spans="1:13" ht="17.100000000000001" customHeight="1" x14ac:dyDescent="0.45">
      <c r="A57" s="136"/>
      <c r="B57" s="172"/>
      <c r="C57" s="151" t="s">
        <v>35</v>
      </c>
      <c r="D57" s="152"/>
      <c r="E57" s="152"/>
      <c r="F57" s="152"/>
      <c r="G57" s="153"/>
      <c r="H57" s="28"/>
      <c r="I57" s="28"/>
      <c r="J57" s="28"/>
      <c r="K57" s="28"/>
      <c r="L57" s="27"/>
      <c r="M57" s="133" t="s">
        <v>9</v>
      </c>
    </row>
    <row r="58" spans="1:13" ht="60" customHeight="1" x14ac:dyDescent="0.45">
      <c r="A58" s="136"/>
      <c r="B58" s="172"/>
      <c r="C58" s="140" t="s">
        <v>34</v>
      </c>
      <c r="D58" s="141"/>
      <c r="E58" s="141"/>
      <c r="F58" s="141"/>
      <c r="G58" s="141"/>
      <c r="H58" s="141"/>
      <c r="I58" s="141"/>
      <c r="J58" s="141"/>
      <c r="K58" s="141"/>
      <c r="L58" s="142"/>
      <c r="M58" s="135"/>
    </row>
    <row r="59" spans="1:13" ht="17.100000000000001" customHeight="1" x14ac:dyDescent="0.45">
      <c r="A59" s="136"/>
      <c r="B59" s="172"/>
      <c r="C59" s="151" t="s">
        <v>33</v>
      </c>
      <c r="D59" s="152"/>
      <c r="E59" s="152"/>
      <c r="F59" s="152"/>
      <c r="G59" s="153"/>
      <c r="H59" s="29"/>
      <c r="I59" s="28"/>
      <c r="J59" s="28"/>
      <c r="K59" s="28"/>
      <c r="L59" s="27"/>
      <c r="M59" s="133" t="s">
        <v>9</v>
      </c>
    </row>
    <row r="60" spans="1:13" ht="45" customHeight="1" x14ac:dyDescent="0.45">
      <c r="A60" s="136"/>
      <c r="B60" s="172"/>
      <c r="C60" s="156" t="s">
        <v>32</v>
      </c>
      <c r="D60" s="138"/>
      <c r="E60" s="138"/>
      <c r="F60" s="138"/>
      <c r="G60" s="138"/>
      <c r="H60" s="141"/>
      <c r="I60" s="141"/>
      <c r="J60" s="141"/>
      <c r="K60" s="141"/>
      <c r="L60" s="142"/>
      <c r="M60" s="135"/>
    </row>
    <row r="61" spans="1:13" ht="20.100000000000001" customHeight="1" x14ac:dyDescent="0.45">
      <c r="A61" s="136"/>
      <c r="B61" s="172"/>
      <c r="C61" s="22"/>
      <c r="D61" s="32"/>
      <c r="E61" s="137" t="s">
        <v>31</v>
      </c>
      <c r="F61" s="138"/>
      <c r="G61" s="138"/>
      <c r="H61" s="138"/>
      <c r="I61" s="138"/>
      <c r="J61" s="138"/>
      <c r="K61" s="138"/>
      <c r="L61" s="139"/>
      <c r="M61" s="26" t="s">
        <v>9</v>
      </c>
    </row>
    <row r="62" spans="1:13" ht="35.1" customHeight="1" x14ac:dyDescent="0.45">
      <c r="A62" s="136"/>
      <c r="B62" s="172"/>
      <c r="C62" s="22"/>
      <c r="D62" s="32"/>
      <c r="E62" s="137" t="s">
        <v>30</v>
      </c>
      <c r="F62" s="138"/>
      <c r="G62" s="138"/>
      <c r="H62" s="138"/>
      <c r="I62" s="138"/>
      <c r="J62" s="138"/>
      <c r="K62" s="138"/>
      <c r="L62" s="139"/>
      <c r="M62" s="26" t="s">
        <v>9</v>
      </c>
    </row>
    <row r="63" spans="1:13" ht="35.1" customHeight="1" x14ac:dyDescent="0.45">
      <c r="A63" s="136"/>
      <c r="B63" s="172"/>
      <c r="C63" s="20"/>
      <c r="D63" s="32"/>
      <c r="E63" s="137" t="s">
        <v>29</v>
      </c>
      <c r="F63" s="138"/>
      <c r="G63" s="138"/>
      <c r="H63" s="138"/>
      <c r="I63" s="138"/>
      <c r="J63" s="138"/>
      <c r="K63" s="138"/>
      <c r="L63" s="139"/>
      <c r="M63" s="26" t="s">
        <v>9</v>
      </c>
    </row>
    <row r="64" spans="1:13" ht="17.100000000000001" customHeight="1" x14ac:dyDescent="0.45">
      <c r="A64" s="134"/>
      <c r="B64" s="31"/>
      <c r="C64" s="173" t="s">
        <v>28</v>
      </c>
      <c r="D64" s="151" t="s">
        <v>27</v>
      </c>
      <c r="E64" s="152"/>
      <c r="F64" s="152"/>
      <c r="G64" s="152"/>
      <c r="H64" s="153"/>
      <c r="I64" s="160"/>
      <c r="J64" s="161"/>
      <c r="K64" s="161"/>
      <c r="L64" s="150"/>
      <c r="M64" s="133" t="s">
        <v>9</v>
      </c>
    </row>
    <row r="65" spans="1:18" ht="60" customHeight="1" x14ac:dyDescent="0.45">
      <c r="A65" s="134"/>
      <c r="B65" s="136" t="s">
        <v>26</v>
      </c>
      <c r="C65" s="174"/>
      <c r="D65" s="156" t="s">
        <v>25</v>
      </c>
      <c r="E65" s="169"/>
      <c r="F65" s="169"/>
      <c r="G65" s="169"/>
      <c r="H65" s="169"/>
      <c r="I65" s="170"/>
      <c r="J65" s="170"/>
      <c r="K65" s="170"/>
      <c r="L65" s="171"/>
      <c r="M65" s="135"/>
    </row>
    <row r="66" spans="1:18" ht="17.100000000000001" customHeight="1" x14ac:dyDescent="0.45">
      <c r="A66" s="134"/>
      <c r="B66" s="136"/>
      <c r="C66" s="174"/>
      <c r="D66" s="151" t="s">
        <v>24</v>
      </c>
      <c r="E66" s="152"/>
      <c r="F66" s="152"/>
      <c r="G66" s="152"/>
      <c r="H66" s="152"/>
      <c r="I66" s="153"/>
      <c r="J66" s="160"/>
      <c r="K66" s="161"/>
      <c r="L66" s="150"/>
      <c r="M66" s="133" t="s">
        <v>9</v>
      </c>
    </row>
    <row r="67" spans="1:18" ht="45" customHeight="1" x14ac:dyDescent="0.45">
      <c r="A67" s="134"/>
      <c r="B67" s="136"/>
      <c r="C67" s="174"/>
      <c r="D67" s="140" t="s">
        <v>23</v>
      </c>
      <c r="E67" s="141"/>
      <c r="F67" s="141"/>
      <c r="G67" s="141"/>
      <c r="H67" s="141"/>
      <c r="I67" s="141"/>
      <c r="J67" s="141"/>
      <c r="K67" s="141"/>
      <c r="L67" s="142"/>
      <c r="M67" s="135"/>
    </row>
    <row r="68" spans="1:18" ht="17.100000000000001" customHeight="1" x14ac:dyDescent="0.45">
      <c r="A68" s="134"/>
      <c r="B68" s="136"/>
      <c r="C68" s="174"/>
      <c r="D68" s="151" t="s">
        <v>22</v>
      </c>
      <c r="E68" s="152"/>
      <c r="F68" s="152"/>
      <c r="G68" s="152"/>
      <c r="H68" s="152"/>
      <c r="I68" s="153"/>
      <c r="J68" s="160"/>
      <c r="K68" s="161"/>
      <c r="L68" s="150"/>
      <c r="M68" s="133" t="s">
        <v>9</v>
      </c>
    </row>
    <row r="69" spans="1:18" ht="60" customHeight="1" x14ac:dyDescent="0.45">
      <c r="A69" s="134"/>
      <c r="B69" s="136"/>
      <c r="C69" s="174"/>
      <c r="D69" s="140" t="s">
        <v>21</v>
      </c>
      <c r="E69" s="141"/>
      <c r="F69" s="141"/>
      <c r="G69" s="141"/>
      <c r="H69" s="141"/>
      <c r="I69" s="141"/>
      <c r="J69" s="141"/>
      <c r="K69" s="141"/>
      <c r="L69" s="142"/>
      <c r="M69" s="135"/>
    </row>
    <row r="70" spans="1:18" ht="35.1" customHeight="1" x14ac:dyDescent="0.45">
      <c r="A70" s="134"/>
      <c r="B70" s="136"/>
      <c r="C70" s="174"/>
      <c r="D70" s="164" t="s">
        <v>20</v>
      </c>
      <c r="E70" s="156" t="s">
        <v>19</v>
      </c>
      <c r="F70" s="169"/>
      <c r="G70" s="169"/>
      <c r="H70" s="169"/>
      <c r="I70" s="169"/>
      <c r="J70" s="169"/>
      <c r="K70" s="169"/>
      <c r="L70" s="178"/>
      <c r="M70" s="26" t="s">
        <v>9</v>
      </c>
    </row>
    <row r="71" spans="1:18" ht="45" customHeight="1" x14ac:dyDescent="0.45">
      <c r="A71" s="134"/>
      <c r="B71" s="136"/>
      <c r="C71" s="174"/>
      <c r="D71" s="165"/>
      <c r="E71" s="137" t="s">
        <v>18</v>
      </c>
      <c r="F71" s="138"/>
      <c r="G71" s="138"/>
      <c r="H71" s="138"/>
      <c r="I71" s="138"/>
      <c r="J71" s="138"/>
      <c r="K71" s="138"/>
      <c r="L71" s="139"/>
      <c r="M71" s="26" t="s">
        <v>9</v>
      </c>
    </row>
    <row r="72" spans="1:18" ht="45" customHeight="1" x14ac:dyDescent="0.45">
      <c r="A72" s="134"/>
      <c r="B72" s="136"/>
      <c r="C72" s="174"/>
      <c r="D72" s="154" t="s">
        <v>17</v>
      </c>
      <c r="E72" s="183" t="s">
        <v>16</v>
      </c>
      <c r="F72" s="183"/>
      <c r="G72" s="183"/>
      <c r="H72" s="183"/>
      <c r="I72" s="183"/>
      <c r="J72" s="183"/>
      <c r="K72" s="183"/>
      <c r="L72" s="184"/>
      <c r="M72" s="20" t="s">
        <v>9</v>
      </c>
    </row>
    <row r="73" spans="1:18" ht="35.1" customHeight="1" x14ac:dyDescent="0.45">
      <c r="A73" s="134"/>
      <c r="B73" s="136"/>
      <c r="C73" s="175"/>
      <c r="D73" s="155"/>
      <c r="E73" s="181" t="s">
        <v>15</v>
      </c>
      <c r="F73" s="181"/>
      <c r="G73" s="181"/>
      <c r="H73" s="181"/>
      <c r="I73" s="181"/>
      <c r="J73" s="181"/>
      <c r="K73" s="181"/>
      <c r="L73" s="182"/>
      <c r="M73" s="22" t="s">
        <v>9</v>
      </c>
    </row>
    <row r="74" spans="1:18" ht="17.100000000000001" customHeight="1" x14ac:dyDescent="0.45">
      <c r="A74" s="134"/>
      <c r="B74" s="136"/>
      <c r="C74" s="151" t="s">
        <v>14</v>
      </c>
      <c r="D74" s="152"/>
      <c r="E74" s="152"/>
      <c r="F74" s="152"/>
      <c r="G74" s="152"/>
      <c r="H74" s="152"/>
      <c r="I74" s="152"/>
      <c r="J74" s="153"/>
      <c r="K74" s="24"/>
      <c r="L74" s="23"/>
      <c r="M74" s="133" t="s">
        <v>13</v>
      </c>
    </row>
    <row r="75" spans="1:18" s="18" customFormat="1" ht="35.1" customHeight="1" x14ac:dyDescent="0.45">
      <c r="A75" s="134"/>
      <c r="B75" s="134"/>
      <c r="C75" s="166" t="s">
        <v>12</v>
      </c>
      <c r="D75" s="167"/>
      <c r="E75" s="167"/>
      <c r="F75" s="167"/>
      <c r="G75" s="167"/>
      <c r="H75" s="167"/>
      <c r="I75" s="167"/>
      <c r="J75" s="167"/>
      <c r="K75" s="167"/>
      <c r="L75" s="168"/>
      <c r="M75" s="135"/>
      <c r="R75" s="19"/>
    </row>
    <row r="76" spans="1:18" s="18" customFormat="1" ht="75" customHeight="1" x14ac:dyDescent="0.45">
      <c r="A76" s="135"/>
      <c r="B76" s="135"/>
      <c r="C76" s="21" t="s">
        <v>11</v>
      </c>
      <c r="D76" s="137" t="s">
        <v>10</v>
      </c>
      <c r="E76" s="138"/>
      <c r="F76" s="138"/>
      <c r="G76" s="138"/>
      <c r="H76" s="138"/>
      <c r="I76" s="138"/>
      <c r="J76" s="138"/>
      <c r="K76" s="138"/>
      <c r="L76" s="139"/>
      <c r="M76" s="20" t="s">
        <v>9</v>
      </c>
      <c r="R76" s="19"/>
    </row>
  </sheetData>
  <mergeCells count="122">
    <mergeCell ref="D39:L39"/>
    <mergeCell ref="E63:L63"/>
    <mergeCell ref="M12:M13"/>
    <mergeCell ref="A55:A76"/>
    <mergeCell ref="M57:M58"/>
    <mergeCell ref="M59:M60"/>
    <mergeCell ref="D49:L49"/>
    <mergeCell ref="D46:L46"/>
    <mergeCell ref="M74:M75"/>
    <mergeCell ref="C59:G59"/>
    <mergeCell ref="M14:M15"/>
    <mergeCell ref="B53:B54"/>
    <mergeCell ref="C40:C43"/>
    <mergeCell ref="C74:J74"/>
    <mergeCell ref="J68:L68"/>
    <mergeCell ref="J66:L66"/>
    <mergeCell ref="D67:L67"/>
    <mergeCell ref="C57:G57"/>
    <mergeCell ref="B18:B32"/>
    <mergeCell ref="E73:L73"/>
    <mergeCell ref="E70:L70"/>
    <mergeCell ref="E71:L71"/>
    <mergeCell ref="E72:L72"/>
    <mergeCell ref="M66:M67"/>
    <mergeCell ref="D37:L37"/>
    <mergeCell ref="D38:L38"/>
    <mergeCell ref="D76:L76"/>
    <mergeCell ref="D31:L31"/>
    <mergeCell ref="A1:M1"/>
    <mergeCell ref="A2:L2"/>
    <mergeCell ref="C3:C4"/>
    <mergeCell ref="D3:L3"/>
    <mergeCell ref="D4:L4"/>
    <mergeCell ref="D5:L5"/>
    <mergeCell ref="C56:L56"/>
    <mergeCell ref="G22:L22"/>
    <mergeCell ref="D6:L6"/>
    <mergeCell ref="D7:L7"/>
    <mergeCell ref="D8:L8"/>
    <mergeCell ref="D20:L20"/>
    <mergeCell ref="D19:L19"/>
    <mergeCell ref="D9:L9"/>
    <mergeCell ref="M16:M17"/>
    <mergeCell ref="A9:A17"/>
    <mergeCell ref="A18:A39"/>
    <mergeCell ref="A40:A52"/>
    <mergeCell ref="A53:A54"/>
    <mergeCell ref="D41:L41"/>
    <mergeCell ref="D42:L42"/>
    <mergeCell ref="D47:L47"/>
    <mergeCell ref="F23:F24"/>
    <mergeCell ref="F29:L29"/>
    <mergeCell ref="B7:B8"/>
    <mergeCell ref="M68:M69"/>
    <mergeCell ref="I64:L64"/>
    <mergeCell ref="B3:B6"/>
    <mergeCell ref="C44:C45"/>
    <mergeCell ref="C46:C51"/>
    <mergeCell ref="C9:C10"/>
    <mergeCell ref="B9:B17"/>
    <mergeCell ref="C11:C17"/>
    <mergeCell ref="C18:C32"/>
    <mergeCell ref="B65:B76"/>
    <mergeCell ref="D70:D71"/>
    <mergeCell ref="C75:L75"/>
    <mergeCell ref="D65:L65"/>
    <mergeCell ref="D69:L69"/>
    <mergeCell ref="D51:L51"/>
    <mergeCell ref="C55:L55"/>
    <mergeCell ref="B55:B63"/>
    <mergeCell ref="C64:C73"/>
    <mergeCell ref="B40:B52"/>
    <mergeCell ref="M64:M65"/>
    <mergeCell ref="D68:I68"/>
    <mergeCell ref="D72:D73"/>
    <mergeCell ref="F30:L30"/>
    <mergeCell ref="F28:L28"/>
    <mergeCell ref="D33:L33"/>
    <mergeCell ref="E34:L34"/>
    <mergeCell ref="D40:L40"/>
    <mergeCell ref="G23:L23"/>
    <mergeCell ref="E61:L61"/>
    <mergeCell ref="D64:H64"/>
    <mergeCell ref="D66:I66"/>
    <mergeCell ref="C60:L60"/>
    <mergeCell ref="C58:L58"/>
    <mergeCell ref="D44:L44"/>
    <mergeCell ref="D43:L43"/>
    <mergeCell ref="D52:L52"/>
    <mergeCell ref="E62:L62"/>
    <mergeCell ref="D50:L50"/>
    <mergeCell ref="D32:L32"/>
    <mergeCell ref="D36:L36"/>
    <mergeCell ref="F27:L27"/>
    <mergeCell ref="E35:L35"/>
    <mergeCell ref="D34:D35"/>
    <mergeCell ref="D48:L48"/>
    <mergeCell ref="D45:L45"/>
    <mergeCell ref="C7:C8"/>
    <mergeCell ref="A3:A8"/>
    <mergeCell ref="C33:C39"/>
    <mergeCell ref="C53:L53"/>
    <mergeCell ref="C54:L54"/>
    <mergeCell ref="E13:L13"/>
    <mergeCell ref="E15:L15"/>
    <mergeCell ref="C5:C6"/>
    <mergeCell ref="G26:L26"/>
    <mergeCell ref="F25:F26"/>
    <mergeCell ref="F21:F22"/>
    <mergeCell ref="G24:L24"/>
    <mergeCell ref="G21:L21"/>
    <mergeCell ref="D11:L11"/>
    <mergeCell ref="G25:L25"/>
    <mergeCell ref="D18:L18"/>
    <mergeCell ref="D12:D17"/>
    <mergeCell ref="K16:L16"/>
    <mergeCell ref="E12:I12"/>
    <mergeCell ref="E17:L17"/>
    <mergeCell ref="E16:J16"/>
    <mergeCell ref="B33:B39"/>
    <mergeCell ref="D10:L10"/>
    <mergeCell ref="E14:I14"/>
  </mergeCells>
  <phoneticPr fontId="1"/>
  <dataValidations count="1">
    <dataValidation type="list" allowBlank="1" showInputMessage="1" showErrorMessage="1" sqref="M16 JI16 TE16 ADA16 AMW16 AWS16 BGO16 BQK16 CAG16 CKC16 CTY16 DDU16 DNQ16 DXM16 EHI16 ERE16 FBA16 FKW16 FUS16 GEO16 GOK16 GYG16 HIC16 HRY16 IBU16 ILQ16 IVM16 JFI16 JPE16 JZA16 KIW16 KSS16 LCO16 LMK16 LWG16 MGC16 MPY16 MZU16 NJQ16 NTM16 ODI16 ONE16 OXA16 PGW16 PQS16 QAO16 QKK16 QUG16 REC16 RNY16 RXU16 SHQ16 SRM16 TBI16 TLE16 TVA16 UEW16 UOS16 UYO16 VIK16 VSG16 WCC16 WLY16 WVU16 M65552 JI65552 TE65552 ADA65552 AMW65552 AWS65552 BGO65552 BQK65552 CAG65552 CKC65552 CTY65552 DDU65552 DNQ65552 DXM65552 EHI65552 ERE65552 FBA65552 FKW65552 FUS65552 GEO65552 GOK65552 GYG65552 HIC65552 HRY65552 IBU65552 ILQ65552 IVM65552 JFI65552 JPE65552 JZA65552 KIW65552 KSS65552 LCO65552 LMK65552 LWG65552 MGC65552 MPY65552 MZU65552 NJQ65552 NTM65552 ODI65552 ONE65552 OXA65552 PGW65552 PQS65552 QAO65552 QKK65552 QUG65552 REC65552 RNY65552 RXU65552 SHQ65552 SRM65552 TBI65552 TLE65552 TVA65552 UEW65552 UOS65552 UYO65552 VIK65552 VSG65552 WCC65552 WLY65552 WVU65552 M131088 JI131088 TE131088 ADA131088 AMW131088 AWS131088 BGO131088 BQK131088 CAG131088 CKC131088 CTY131088 DDU131088 DNQ131088 DXM131088 EHI131088 ERE131088 FBA131088 FKW131088 FUS131088 GEO131088 GOK131088 GYG131088 HIC131088 HRY131088 IBU131088 ILQ131088 IVM131088 JFI131088 JPE131088 JZA131088 KIW131088 KSS131088 LCO131088 LMK131088 LWG131088 MGC131088 MPY131088 MZU131088 NJQ131088 NTM131088 ODI131088 ONE131088 OXA131088 PGW131088 PQS131088 QAO131088 QKK131088 QUG131088 REC131088 RNY131088 RXU131088 SHQ131088 SRM131088 TBI131088 TLE131088 TVA131088 UEW131088 UOS131088 UYO131088 VIK131088 VSG131088 WCC131088 WLY131088 WVU131088 M196624 JI196624 TE196624 ADA196624 AMW196624 AWS196624 BGO196624 BQK196624 CAG196624 CKC196624 CTY196624 DDU196624 DNQ196624 DXM196624 EHI196624 ERE196624 FBA196624 FKW196624 FUS196624 GEO196624 GOK196624 GYG196624 HIC196624 HRY196624 IBU196624 ILQ196624 IVM196624 JFI196624 JPE196624 JZA196624 KIW196624 KSS196624 LCO196624 LMK196624 LWG196624 MGC196624 MPY196624 MZU196624 NJQ196624 NTM196624 ODI196624 ONE196624 OXA196624 PGW196624 PQS196624 QAO196624 QKK196624 QUG196624 REC196624 RNY196624 RXU196624 SHQ196624 SRM196624 TBI196624 TLE196624 TVA196624 UEW196624 UOS196624 UYO196624 VIK196624 VSG196624 WCC196624 WLY196624 WVU196624 M262160 JI262160 TE262160 ADA262160 AMW262160 AWS262160 BGO262160 BQK262160 CAG262160 CKC262160 CTY262160 DDU262160 DNQ262160 DXM262160 EHI262160 ERE262160 FBA262160 FKW262160 FUS262160 GEO262160 GOK262160 GYG262160 HIC262160 HRY262160 IBU262160 ILQ262160 IVM262160 JFI262160 JPE262160 JZA262160 KIW262160 KSS262160 LCO262160 LMK262160 LWG262160 MGC262160 MPY262160 MZU262160 NJQ262160 NTM262160 ODI262160 ONE262160 OXA262160 PGW262160 PQS262160 QAO262160 QKK262160 QUG262160 REC262160 RNY262160 RXU262160 SHQ262160 SRM262160 TBI262160 TLE262160 TVA262160 UEW262160 UOS262160 UYO262160 VIK262160 VSG262160 WCC262160 WLY262160 WVU262160 M327696 JI327696 TE327696 ADA327696 AMW327696 AWS327696 BGO327696 BQK327696 CAG327696 CKC327696 CTY327696 DDU327696 DNQ327696 DXM327696 EHI327696 ERE327696 FBA327696 FKW327696 FUS327696 GEO327696 GOK327696 GYG327696 HIC327696 HRY327696 IBU327696 ILQ327696 IVM327696 JFI327696 JPE327696 JZA327696 KIW327696 KSS327696 LCO327696 LMK327696 LWG327696 MGC327696 MPY327696 MZU327696 NJQ327696 NTM327696 ODI327696 ONE327696 OXA327696 PGW327696 PQS327696 QAO327696 QKK327696 QUG327696 REC327696 RNY327696 RXU327696 SHQ327696 SRM327696 TBI327696 TLE327696 TVA327696 UEW327696 UOS327696 UYO327696 VIK327696 VSG327696 WCC327696 WLY327696 WVU327696 M393232 JI393232 TE393232 ADA393232 AMW393232 AWS393232 BGO393232 BQK393232 CAG393232 CKC393232 CTY393232 DDU393232 DNQ393232 DXM393232 EHI393232 ERE393232 FBA393232 FKW393232 FUS393232 GEO393232 GOK393232 GYG393232 HIC393232 HRY393232 IBU393232 ILQ393232 IVM393232 JFI393232 JPE393232 JZA393232 KIW393232 KSS393232 LCO393232 LMK393232 LWG393232 MGC393232 MPY393232 MZU393232 NJQ393232 NTM393232 ODI393232 ONE393232 OXA393232 PGW393232 PQS393232 QAO393232 QKK393232 QUG393232 REC393232 RNY393232 RXU393232 SHQ393232 SRM393232 TBI393232 TLE393232 TVA393232 UEW393232 UOS393232 UYO393232 VIK393232 VSG393232 WCC393232 WLY393232 WVU393232 M458768 JI458768 TE458768 ADA458768 AMW458768 AWS458768 BGO458768 BQK458768 CAG458768 CKC458768 CTY458768 DDU458768 DNQ458768 DXM458768 EHI458768 ERE458768 FBA458768 FKW458768 FUS458768 GEO458768 GOK458768 GYG458768 HIC458768 HRY458768 IBU458768 ILQ458768 IVM458768 JFI458768 JPE458768 JZA458768 KIW458768 KSS458768 LCO458768 LMK458768 LWG458768 MGC458768 MPY458768 MZU458768 NJQ458768 NTM458768 ODI458768 ONE458768 OXA458768 PGW458768 PQS458768 QAO458768 QKK458768 QUG458768 REC458768 RNY458768 RXU458768 SHQ458768 SRM458768 TBI458768 TLE458768 TVA458768 UEW458768 UOS458768 UYO458768 VIK458768 VSG458768 WCC458768 WLY458768 WVU458768 M524304 JI524304 TE524304 ADA524304 AMW524304 AWS524304 BGO524304 BQK524304 CAG524304 CKC524304 CTY524304 DDU524304 DNQ524304 DXM524304 EHI524304 ERE524304 FBA524304 FKW524304 FUS524304 GEO524304 GOK524304 GYG524304 HIC524304 HRY524304 IBU524304 ILQ524304 IVM524304 JFI524304 JPE524304 JZA524304 KIW524304 KSS524304 LCO524304 LMK524304 LWG524304 MGC524304 MPY524304 MZU524304 NJQ524304 NTM524304 ODI524304 ONE524304 OXA524304 PGW524304 PQS524304 QAO524304 QKK524304 QUG524304 REC524304 RNY524304 RXU524304 SHQ524304 SRM524304 TBI524304 TLE524304 TVA524304 UEW524304 UOS524304 UYO524304 VIK524304 VSG524304 WCC524304 WLY524304 WVU524304 M589840 JI589840 TE589840 ADA589840 AMW589840 AWS589840 BGO589840 BQK589840 CAG589840 CKC589840 CTY589840 DDU589840 DNQ589840 DXM589840 EHI589840 ERE589840 FBA589840 FKW589840 FUS589840 GEO589840 GOK589840 GYG589840 HIC589840 HRY589840 IBU589840 ILQ589840 IVM589840 JFI589840 JPE589840 JZA589840 KIW589840 KSS589840 LCO589840 LMK589840 LWG589840 MGC589840 MPY589840 MZU589840 NJQ589840 NTM589840 ODI589840 ONE589840 OXA589840 PGW589840 PQS589840 QAO589840 QKK589840 QUG589840 REC589840 RNY589840 RXU589840 SHQ589840 SRM589840 TBI589840 TLE589840 TVA589840 UEW589840 UOS589840 UYO589840 VIK589840 VSG589840 WCC589840 WLY589840 WVU589840 M655376 JI655376 TE655376 ADA655376 AMW655376 AWS655376 BGO655376 BQK655376 CAG655376 CKC655376 CTY655376 DDU655376 DNQ655376 DXM655376 EHI655376 ERE655376 FBA655376 FKW655376 FUS655376 GEO655376 GOK655376 GYG655376 HIC655376 HRY655376 IBU655376 ILQ655376 IVM655376 JFI655376 JPE655376 JZA655376 KIW655376 KSS655376 LCO655376 LMK655376 LWG655376 MGC655376 MPY655376 MZU655376 NJQ655376 NTM655376 ODI655376 ONE655376 OXA655376 PGW655376 PQS655376 QAO655376 QKK655376 QUG655376 REC655376 RNY655376 RXU655376 SHQ655376 SRM655376 TBI655376 TLE655376 TVA655376 UEW655376 UOS655376 UYO655376 VIK655376 VSG655376 WCC655376 WLY655376 WVU655376 M720912 JI720912 TE720912 ADA720912 AMW720912 AWS720912 BGO720912 BQK720912 CAG720912 CKC720912 CTY720912 DDU720912 DNQ720912 DXM720912 EHI720912 ERE720912 FBA720912 FKW720912 FUS720912 GEO720912 GOK720912 GYG720912 HIC720912 HRY720912 IBU720912 ILQ720912 IVM720912 JFI720912 JPE720912 JZA720912 KIW720912 KSS720912 LCO720912 LMK720912 LWG720912 MGC720912 MPY720912 MZU720912 NJQ720912 NTM720912 ODI720912 ONE720912 OXA720912 PGW720912 PQS720912 QAO720912 QKK720912 QUG720912 REC720912 RNY720912 RXU720912 SHQ720912 SRM720912 TBI720912 TLE720912 TVA720912 UEW720912 UOS720912 UYO720912 VIK720912 VSG720912 WCC720912 WLY720912 WVU720912 M786448 JI786448 TE786448 ADA786448 AMW786448 AWS786448 BGO786448 BQK786448 CAG786448 CKC786448 CTY786448 DDU786448 DNQ786448 DXM786448 EHI786448 ERE786448 FBA786448 FKW786448 FUS786448 GEO786448 GOK786448 GYG786448 HIC786448 HRY786448 IBU786448 ILQ786448 IVM786448 JFI786448 JPE786448 JZA786448 KIW786448 KSS786448 LCO786448 LMK786448 LWG786448 MGC786448 MPY786448 MZU786448 NJQ786448 NTM786448 ODI786448 ONE786448 OXA786448 PGW786448 PQS786448 QAO786448 QKK786448 QUG786448 REC786448 RNY786448 RXU786448 SHQ786448 SRM786448 TBI786448 TLE786448 TVA786448 UEW786448 UOS786448 UYO786448 VIK786448 VSG786448 WCC786448 WLY786448 WVU786448 M851984 JI851984 TE851984 ADA851984 AMW851984 AWS851984 BGO851984 BQK851984 CAG851984 CKC851984 CTY851984 DDU851984 DNQ851984 DXM851984 EHI851984 ERE851984 FBA851984 FKW851984 FUS851984 GEO851984 GOK851984 GYG851984 HIC851984 HRY851984 IBU851984 ILQ851984 IVM851984 JFI851984 JPE851984 JZA851984 KIW851984 KSS851984 LCO851984 LMK851984 LWG851984 MGC851984 MPY851984 MZU851984 NJQ851984 NTM851984 ODI851984 ONE851984 OXA851984 PGW851984 PQS851984 QAO851984 QKK851984 QUG851984 REC851984 RNY851984 RXU851984 SHQ851984 SRM851984 TBI851984 TLE851984 TVA851984 UEW851984 UOS851984 UYO851984 VIK851984 VSG851984 WCC851984 WLY851984 WVU851984 M917520 JI917520 TE917520 ADA917520 AMW917520 AWS917520 BGO917520 BQK917520 CAG917520 CKC917520 CTY917520 DDU917520 DNQ917520 DXM917520 EHI917520 ERE917520 FBA917520 FKW917520 FUS917520 GEO917520 GOK917520 GYG917520 HIC917520 HRY917520 IBU917520 ILQ917520 IVM917520 JFI917520 JPE917520 JZA917520 KIW917520 KSS917520 LCO917520 LMK917520 LWG917520 MGC917520 MPY917520 MZU917520 NJQ917520 NTM917520 ODI917520 ONE917520 OXA917520 PGW917520 PQS917520 QAO917520 QKK917520 QUG917520 REC917520 RNY917520 RXU917520 SHQ917520 SRM917520 TBI917520 TLE917520 TVA917520 UEW917520 UOS917520 UYO917520 VIK917520 VSG917520 WCC917520 WLY917520 WVU917520 M983056 JI983056 TE983056 ADA983056 AMW983056 AWS983056 BGO983056 BQK983056 CAG983056 CKC983056 CTY983056 DDU983056 DNQ983056 DXM983056 EHI983056 ERE983056 FBA983056 FKW983056 FUS983056 GEO983056 GOK983056 GYG983056 HIC983056 HRY983056 IBU983056 ILQ983056 IVM983056 JFI983056 JPE983056 JZA983056 KIW983056 KSS983056 LCO983056 LMK983056 LWG983056 MGC983056 MPY983056 MZU983056 NJQ983056 NTM983056 ODI983056 ONE983056 OXA983056 PGW983056 PQS983056 QAO983056 QKK983056 QUG983056 REC983056 RNY983056 RXU983056 SHQ983056 SRM983056 TBI983056 TLE983056 TVA983056 UEW983056 UOS983056 UYO983056 VIK983056 VSG983056 WCC983056 WLY983056 WVU983056 M14 JI14 TE14 ADA14 AMW14 AWS14 BGO14 BQK14 CAG14 CKC14 CTY14 DDU14 DNQ14 DXM14 EHI14 ERE14 FBA14 FKW14 FUS14 GEO14 GOK14 GYG14 HIC14 HRY14 IBU14 ILQ14 IVM14 JFI14 JPE14 JZA14 KIW14 KSS14 LCO14 LMK14 LWG14 MGC14 MPY14 MZU14 NJQ14 NTM14 ODI14 ONE14 OXA14 PGW14 PQS14 QAO14 QKK14 QUG14 REC14 RNY14 RXU14 SHQ14 SRM14 TBI14 TLE14 TVA14 UEW14 UOS14 UYO14 VIK14 VSG14 WCC14 WLY14 WVU14 M65550 JI65550 TE65550 ADA65550 AMW65550 AWS65550 BGO65550 BQK65550 CAG65550 CKC65550 CTY65550 DDU65550 DNQ65550 DXM65550 EHI65550 ERE65550 FBA65550 FKW65550 FUS65550 GEO65550 GOK65550 GYG65550 HIC65550 HRY65550 IBU65550 ILQ65550 IVM65550 JFI65550 JPE65550 JZA65550 KIW65550 KSS65550 LCO65550 LMK65550 LWG65550 MGC65550 MPY65550 MZU65550 NJQ65550 NTM65550 ODI65550 ONE65550 OXA65550 PGW65550 PQS65550 QAO65550 QKK65550 QUG65550 REC65550 RNY65550 RXU65550 SHQ65550 SRM65550 TBI65550 TLE65550 TVA65550 UEW65550 UOS65550 UYO65550 VIK65550 VSG65550 WCC65550 WLY65550 WVU65550 M131086 JI131086 TE131086 ADA131086 AMW131086 AWS131086 BGO131086 BQK131086 CAG131086 CKC131086 CTY131086 DDU131086 DNQ131086 DXM131086 EHI131086 ERE131086 FBA131086 FKW131086 FUS131086 GEO131086 GOK131086 GYG131086 HIC131086 HRY131086 IBU131086 ILQ131086 IVM131086 JFI131086 JPE131086 JZA131086 KIW131086 KSS131086 LCO131086 LMK131086 LWG131086 MGC131086 MPY131086 MZU131086 NJQ131086 NTM131086 ODI131086 ONE131086 OXA131086 PGW131086 PQS131086 QAO131086 QKK131086 QUG131086 REC131086 RNY131086 RXU131086 SHQ131086 SRM131086 TBI131086 TLE131086 TVA131086 UEW131086 UOS131086 UYO131086 VIK131086 VSG131086 WCC131086 WLY131086 WVU131086 M196622 JI196622 TE196622 ADA196622 AMW196622 AWS196622 BGO196622 BQK196622 CAG196622 CKC196622 CTY196622 DDU196622 DNQ196622 DXM196622 EHI196622 ERE196622 FBA196622 FKW196622 FUS196622 GEO196622 GOK196622 GYG196622 HIC196622 HRY196622 IBU196622 ILQ196622 IVM196622 JFI196622 JPE196622 JZA196622 KIW196622 KSS196622 LCO196622 LMK196622 LWG196622 MGC196622 MPY196622 MZU196622 NJQ196622 NTM196622 ODI196622 ONE196622 OXA196622 PGW196622 PQS196622 QAO196622 QKK196622 QUG196622 REC196622 RNY196622 RXU196622 SHQ196622 SRM196622 TBI196622 TLE196622 TVA196622 UEW196622 UOS196622 UYO196622 VIK196622 VSG196622 WCC196622 WLY196622 WVU196622 M262158 JI262158 TE262158 ADA262158 AMW262158 AWS262158 BGO262158 BQK262158 CAG262158 CKC262158 CTY262158 DDU262158 DNQ262158 DXM262158 EHI262158 ERE262158 FBA262158 FKW262158 FUS262158 GEO262158 GOK262158 GYG262158 HIC262158 HRY262158 IBU262158 ILQ262158 IVM262158 JFI262158 JPE262158 JZA262158 KIW262158 KSS262158 LCO262158 LMK262158 LWG262158 MGC262158 MPY262158 MZU262158 NJQ262158 NTM262158 ODI262158 ONE262158 OXA262158 PGW262158 PQS262158 QAO262158 QKK262158 QUG262158 REC262158 RNY262158 RXU262158 SHQ262158 SRM262158 TBI262158 TLE262158 TVA262158 UEW262158 UOS262158 UYO262158 VIK262158 VSG262158 WCC262158 WLY262158 WVU262158 M327694 JI327694 TE327694 ADA327694 AMW327694 AWS327694 BGO327694 BQK327694 CAG327694 CKC327694 CTY327694 DDU327694 DNQ327694 DXM327694 EHI327694 ERE327694 FBA327694 FKW327694 FUS327694 GEO327694 GOK327694 GYG327694 HIC327694 HRY327694 IBU327694 ILQ327694 IVM327694 JFI327694 JPE327694 JZA327694 KIW327694 KSS327694 LCO327694 LMK327694 LWG327694 MGC327694 MPY327694 MZU327694 NJQ327694 NTM327694 ODI327694 ONE327694 OXA327694 PGW327694 PQS327694 QAO327694 QKK327694 QUG327694 REC327694 RNY327694 RXU327694 SHQ327694 SRM327694 TBI327694 TLE327694 TVA327694 UEW327694 UOS327694 UYO327694 VIK327694 VSG327694 WCC327694 WLY327694 WVU327694 M393230 JI393230 TE393230 ADA393230 AMW393230 AWS393230 BGO393230 BQK393230 CAG393230 CKC393230 CTY393230 DDU393230 DNQ393230 DXM393230 EHI393230 ERE393230 FBA393230 FKW393230 FUS393230 GEO393230 GOK393230 GYG393230 HIC393230 HRY393230 IBU393230 ILQ393230 IVM393230 JFI393230 JPE393230 JZA393230 KIW393230 KSS393230 LCO393230 LMK393230 LWG393230 MGC393230 MPY393230 MZU393230 NJQ393230 NTM393230 ODI393230 ONE393230 OXA393230 PGW393230 PQS393230 QAO393230 QKK393230 QUG393230 REC393230 RNY393230 RXU393230 SHQ393230 SRM393230 TBI393230 TLE393230 TVA393230 UEW393230 UOS393230 UYO393230 VIK393230 VSG393230 WCC393230 WLY393230 WVU393230 M458766 JI458766 TE458766 ADA458766 AMW458766 AWS458766 BGO458766 BQK458766 CAG458766 CKC458766 CTY458766 DDU458766 DNQ458766 DXM458766 EHI458766 ERE458766 FBA458766 FKW458766 FUS458766 GEO458766 GOK458766 GYG458766 HIC458766 HRY458766 IBU458766 ILQ458766 IVM458766 JFI458766 JPE458766 JZA458766 KIW458766 KSS458766 LCO458766 LMK458766 LWG458766 MGC458766 MPY458766 MZU458766 NJQ458766 NTM458766 ODI458766 ONE458766 OXA458766 PGW458766 PQS458766 QAO458766 QKK458766 QUG458766 REC458766 RNY458766 RXU458766 SHQ458766 SRM458766 TBI458766 TLE458766 TVA458766 UEW458766 UOS458766 UYO458766 VIK458766 VSG458766 WCC458766 WLY458766 WVU458766 M524302 JI524302 TE524302 ADA524302 AMW524302 AWS524302 BGO524302 BQK524302 CAG524302 CKC524302 CTY524302 DDU524302 DNQ524302 DXM524302 EHI524302 ERE524302 FBA524302 FKW524302 FUS524302 GEO524302 GOK524302 GYG524302 HIC524302 HRY524302 IBU524302 ILQ524302 IVM524302 JFI524302 JPE524302 JZA524302 KIW524302 KSS524302 LCO524302 LMK524302 LWG524302 MGC524302 MPY524302 MZU524302 NJQ524302 NTM524302 ODI524302 ONE524302 OXA524302 PGW524302 PQS524302 QAO524302 QKK524302 QUG524302 REC524302 RNY524302 RXU524302 SHQ524302 SRM524302 TBI524302 TLE524302 TVA524302 UEW524302 UOS524302 UYO524302 VIK524302 VSG524302 WCC524302 WLY524302 WVU524302 M589838 JI589838 TE589838 ADA589838 AMW589838 AWS589838 BGO589838 BQK589838 CAG589838 CKC589838 CTY589838 DDU589838 DNQ589838 DXM589838 EHI589838 ERE589838 FBA589838 FKW589838 FUS589838 GEO589838 GOK589838 GYG589838 HIC589838 HRY589838 IBU589838 ILQ589838 IVM589838 JFI589838 JPE589838 JZA589838 KIW589838 KSS589838 LCO589838 LMK589838 LWG589838 MGC589838 MPY589838 MZU589838 NJQ589838 NTM589838 ODI589838 ONE589838 OXA589838 PGW589838 PQS589838 QAO589838 QKK589838 QUG589838 REC589838 RNY589838 RXU589838 SHQ589838 SRM589838 TBI589838 TLE589838 TVA589838 UEW589838 UOS589838 UYO589838 VIK589838 VSG589838 WCC589838 WLY589838 WVU589838 M655374 JI655374 TE655374 ADA655374 AMW655374 AWS655374 BGO655374 BQK655374 CAG655374 CKC655374 CTY655374 DDU655374 DNQ655374 DXM655374 EHI655374 ERE655374 FBA655374 FKW655374 FUS655374 GEO655374 GOK655374 GYG655374 HIC655374 HRY655374 IBU655374 ILQ655374 IVM655374 JFI655374 JPE655374 JZA655374 KIW655374 KSS655374 LCO655374 LMK655374 LWG655374 MGC655374 MPY655374 MZU655374 NJQ655374 NTM655374 ODI655374 ONE655374 OXA655374 PGW655374 PQS655374 QAO655374 QKK655374 QUG655374 REC655374 RNY655374 RXU655374 SHQ655374 SRM655374 TBI655374 TLE655374 TVA655374 UEW655374 UOS655374 UYO655374 VIK655374 VSG655374 WCC655374 WLY655374 WVU655374 M720910 JI720910 TE720910 ADA720910 AMW720910 AWS720910 BGO720910 BQK720910 CAG720910 CKC720910 CTY720910 DDU720910 DNQ720910 DXM720910 EHI720910 ERE720910 FBA720910 FKW720910 FUS720910 GEO720910 GOK720910 GYG720910 HIC720910 HRY720910 IBU720910 ILQ720910 IVM720910 JFI720910 JPE720910 JZA720910 KIW720910 KSS720910 LCO720910 LMK720910 LWG720910 MGC720910 MPY720910 MZU720910 NJQ720910 NTM720910 ODI720910 ONE720910 OXA720910 PGW720910 PQS720910 QAO720910 QKK720910 QUG720910 REC720910 RNY720910 RXU720910 SHQ720910 SRM720910 TBI720910 TLE720910 TVA720910 UEW720910 UOS720910 UYO720910 VIK720910 VSG720910 WCC720910 WLY720910 WVU720910 M786446 JI786446 TE786446 ADA786446 AMW786446 AWS786446 BGO786446 BQK786446 CAG786446 CKC786446 CTY786446 DDU786446 DNQ786446 DXM786446 EHI786446 ERE786446 FBA786446 FKW786446 FUS786446 GEO786446 GOK786446 GYG786446 HIC786446 HRY786446 IBU786446 ILQ786446 IVM786446 JFI786446 JPE786446 JZA786446 KIW786446 KSS786446 LCO786446 LMK786446 LWG786446 MGC786446 MPY786446 MZU786446 NJQ786446 NTM786446 ODI786446 ONE786446 OXA786446 PGW786446 PQS786446 QAO786446 QKK786446 QUG786446 REC786446 RNY786446 RXU786446 SHQ786446 SRM786446 TBI786446 TLE786446 TVA786446 UEW786446 UOS786446 UYO786446 VIK786446 VSG786446 WCC786446 WLY786446 WVU786446 M851982 JI851982 TE851982 ADA851982 AMW851982 AWS851982 BGO851982 BQK851982 CAG851982 CKC851982 CTY851982 DDU851982 DNQ851982 DXM851982 EHI851982 ERE851982 FBA851982 FKW851982 FUS851982 GEO851982 GOK851982 GYG851982 HIC851982 HRY851982 IBU851982 ILQ851982 IVM851982 JFI851982 JPE851982 JZA851982 KIW851982 KSS851982 LCO851982 LMK851982 LWG851982 MGC851982 MPY851982 MZU851982 NJQ851982 NTM851982 ODI851982 ONE851982 OXA851982 PGW851982 PQS851982 QAO851982 QKK851982 QUG851982 REC851982 RNY851982 RXU851982 SHQ851982 SRM851982 TBI851982 TLE851982 TVA851982 UEW851982 UOS851982 UYO851982 VIK851982 VSG851982 WCC851982 WLY851982 WVU851982 M917518 JI917518 TE917518 ADA917518 AMW917518 AWS917518 BGO917518 BQK917518 CAG917518 CKC917518 CTY917518 DDU917518 DNQ917518 DXM917518 EHI917518 ERE917518 FBA917518 FKW917518 FUS917518 GEO917518 GOK917518 GYG917518 HIC917518 HRY917518 IBU917518 ILQ917518 IVM917518 JFI917518 JPE917518 JZA917518 KIW917518 KSS917518 LCO917518 LMK917518 LWG917518 MGC917518 MPY917518 MZU917518 NJQ917518 NTM917518 ODI917518 ONE917518 OXA917518 PGW917518 PQS917518 QAO917518 QKK917518 QUG917518 REC917518 RNY917518 RXU917518 SHQ917518 SRM917518 TBI917518 TLE917518 TVA917518 UEW917518 UOS917518 UYO917518 VIK917518 VSG917518 WCC917518 WLY917518 WVU917518 M983054 JI983054 TE983054 ADA983054 AMW983054 AWS983054 BGO983054 BQK983054 CAG983054 CKC983054 CTY983054 DDU983054 DNQ983054 DXM983054 EHI983054 ERE983054 FBA983054 FKW983054 FUS983054 GEO983054 GOK983054 GYG983054 HIC983054 HRY983054 IBU983054 ILQ983054 IVM983054 JFI983054 JPE983054 JZA983054 KIW983054 KSS983054 LCO983054 LMK983054 LWG983054 MGC983054 MPY983054 MZU983054 NJQ983054 NTM983054 ODI983054 ONE983054 OXA983054 PGW983054 PQS983054 QAO983054 QKK983054 QUG983054 REC983054 RNY983054 RXU983054 SHQ983054 SRM983054 TBI983054 TLE983054 TVA983054 UEW983054 UOS983054 UYO983054 VIK983054 VSG983054 WCC983054 WLY983054 WVU983054 M3:M12 JI3:JI12 TE3:TE12 ADA3:ADA12 AMW3:AMW12 AWS3:AWS12 BGO3:BGO12 BQK3:BQK12 CAG3:CAG12 CKC3:CKC12 CTY3:CTY12 DDU3:DDU12 DNQ3:DNQ12 DXM3:DXM12 EHI3:EHI12 ERE3:ERE12 FBA3:FBA12 FKW3:FKW12 FUS3:FUS12 GEO3:GEO12 GOK3:GOK12 GYG3:GYG12 HIC3:HIC12 HRY3:HRY12 IBU3:IBU12 ILQ3:ILQ12 IVM3:IVM12 JFI3:JFI12 JPE3:JPE12 JZA3:JZA12 KIW3:KIW12 KSS3:KSS12 LCO3:LCO12 LMK3:LMK12 LWG3:LWG12 MGC3:MGC12 MPY3:MPY12 MZU3:MZU12 NJQ3:NJQ12 NTM3:NTM12 ODI3:ODI12 ONE3:ONE12 OXA3:OXA12 PGW3:PGW12 PQS3:PQS12 QAO3:QAO12 QKK3:QKK12 QUG3:QUG12 REC3:REC12 RNY3:RNY12 RXU3:RXU12 SHQ3:SHQ12 SRM3:SRM12 TBI3:TBI12 TLE3:TLE12 TVA3:TVA12 UEW3:UEW12 UOS3:UOS12 UYO3:UYO12 VIK3:VIK12 VSG3:VSG12 WCC3:WCC12 WLY3:WLY12 WVU3:WVU12 M65539:M65548 JI65539:JI65548 TE65539:TE65548 ADA65539:ADA65548 AMW65539:AMW65548 AWS65539:AWS65548 BGO65539:BGO65548 BQK65539:BQK65548 CAG65539:CAG65548 CKC65539:CKC65548 CTY65539:CTY65548 DDU65539:DDU65548 DNQ65539:DNQ65548 DXM65539:DXM65548 EHI65539:EHI65548 ERE65539:ERE65548 FBA65539:FBA65548 FKW65539:FKW65548 FUS65539:FUS65548 GEO65539:GEO65548 GOK65539:GOK65548 GYG65539:GYG65548 HIC65539:HIC65548 HRY65539:HRY65548 IBU65539:IBU65548 ILQ65539:ILQ65548 IVM65539:IVM65548 JFI65539:JFI65548 JPE65539:JPE65548 JZA65539:JZA65548 KIW65539:KIW65548 KSS65539:KSS65548 LCO65539:LCO65548 LMK65539:LMK65548 LWG65539:LWG65548 MGC65539:MGC65548 MPY65539:MPY65548 MZU65539:MZU65548 NJQ65539:NJQ65548 NTM65539:NTM65548 ODI65539:ODI65548 ONE65539:ONE65548 OXA65539:OXA65548 PGW65539:PGW65548 PQS65539:PQS65548 QAO65539:QAO65548 QKK65539:QKK65548 QUG65539:QUG65548 REC65539:REC65548 RNY65539:RNY65548 RXU65539:RXU65548 SHQ65539:SHQ65548 SRM65539:SRM65548 TBI65539:TBI65548 TLE65539:TLE65548 TVA65539:TVA65548 UEW65539:UEW65548 UOS65539:UOS65548 UYO65539:UYO65548 VIK65539:VIK65548 VSG65539:VSG65548 WCC65539:WCC65548 WLY65539:WLY65548 WVU65539:WVU65548 M131075:M131084 JI131075:JI131084 TE131075:TE131084 ADA131075:ADA131084 AMW131075:AMW131084 AWS131075:AWS131084 BGO131075:BGO131084 BQK131075:BQK131084 CAG131075:CAG131084 CKC131075:CKC131084 CTY131075:CTY131084 DDU131075:DDU131084 DNQ131075:DNQ131084 DXM131075:DXM131084 EHI131075:EHI131084 ERE131075:ERE131084 FBA131075:FBA131084 FKW131075:FKW131084 FUS131075:FUS131084 GEO131075:GEO131084 GOK131075:GOK131084 GYG131075:GYG131084 HIC131075:HIC131084 HRY131075:HRY131084 IBU131075:IBU131084 ILQ131075:ILQ131084 IVM131075:IVM131084 JFI131075:JFI131084 JPE131075:JPE131084 JZA131075:JZA131084 KIW131075:KIW131084 KSS131075:KSS131084 LCO131075:LCO131084 LMK131075:LMK131084 LWG131075:LWG131084 MGC131075:MGC131084 MPY131075:MPY131084 MZU131075:MZU131084 NJQ131075:NJQ131084 NTM131075:NTM131084 ODI131075:ODI131084 ONE131075:ONE131084 OXA131075:OXA131084 PGW131075:PGW131084 PQS131075:PQS131084 QAO131075:QAO131084 QKK131075:QKK131084 QUG131075:QUG131084 REC131075:REC131084 RNY131075:RNY131084 RXU131075:RXU131084 SHQ131075:SHQ131084 SRM131075:SRM131084 TBI131075:TBI131084 TLE131075:TLE131084 TVA131075:TVA131084 UEW131075:UEW131084 UOS131075:UOS131084 UYO131075:UYO131084 VIK131075:VIK131084 VSG131075:VSG131084 WCC131075:WCC131084 WLY131075:WLY131084 WVU131075:WVU131084 M196611:M196620 JI196611:JI196620 TE196611:TE196620 ADA196611:ADA196620 AMW196611:AMW196620 AWS196611:AWS196620 BGO196611:BGO196620 BQK196611:BQK196620 CAG196611:CAG196620 CKC196611:CKC196620 CTY196611:CTY196620 DDU196611:DDU196620 DNQ196611:DNQ196620 DXM196611:DXM196620 EHI196611:EHI196620 ERE196611:ERE196620 FBA196611:FBA196620 FKW196611:FKW196620 FUS196611:FUS196620 GEO196611:GEO196620 GOK196611:GOK196620 GYG196611:GYG196620 HIC196611:HIC196620 HRY196611:HRY196620 IBU196611:IBU196620 ILQ196611:ILQ196620 IVM196611:IVM196620 JFI196611:JFI196620 JPE196611:JPE196620 JZA196611:JZA196620 KIW196611:KIW196620 KSS196611:KSS196620 LCO196611:LCO196620 LMK196611:LMK196620 LWG196611:LWG196620 MGC196611:MGC196620 MPY196611:MPY196620 MZU196611:MZU196620 NJQ196611:NJQ196620 NTM196611:NTM196620 ODI196611:ODI196620 ONE196611:ONE196620 OXA196611:OXA196620 PGW196611:PGW196620 PQS196611:PQS196620 QAO196611:QAO196620 QKK196611:QKK196620 QUG196611:QUG196620 REC196611:REC196620 RNY196611:RNY196620 RXU196611:RXU196620 SHQ196611:SHQ196620 SRM196611:SRM196620 TBI196611:TBI196620 TLE196611:TLE196620 TVA196611:TVA196620 UEW196611:UEW196620 UOS196611:UOS196620 UYO196611:UYO196620 VIK196611:VIK196620 VSG196611:VSG196620 WCC196611:WCC196620 WLY196611:WLY196620 WVU196611:WVU196620 M262147:M262156 JI262147:JI262156 TE262147:TE262156 ADA262147:ADA262156 AMW262147:AMW262156 AWS262147:AWS262156 BGO262147:BGO262156 BQK262147:BQK262156 CAG262147:CAG262156 CKC262147:CKC262156 CTY262147:CTY262156 DDU262147:DDU262156 DNQ262147:DNQ262156 DXM262147:DXM262156 EHI262147:EHI262156 ERE262147:ERE262156 FBA262147:FBA262156 FKW262147:FKW262156 FUS262147:FUS262156 GEO262147:GEO262156 GOK262147:GOK262156 GYG262147:GYG262156 HIC262147:HIC262156 HRY262147:HRY262156 IBU262147:IBU262156 ILQ262147:ILQ262156 IVM262147:IVM262156 JFI262147:JFI262156 JPE262147:JPE262156 JZA262147:JZA262156 KIW262147:KIW262156 KSS262147:KSS262156 LCO262147:LCO262156 LMK262147:LMK262156 LWG262147:LWG262156 MGC262147:MGC262156 MPY262147:MPY262156 MZU262147:MZU262156 NJQ262147:NJQ262156 NTM262147:NTM262156 ODI262147:ODI262156 ONE262147:ONE262156 OXA262147:OXA262156 PGW262147:PGW262156 PQS262147:PQS262156 QAO262147:QAO262156 QKK262147:QKK262156 QUG262147:QUG262156 REC262147:REC262156 RNY262147:RNY262156 RXU262147:RXU262156 SHQ262147:SHQ262156 SRM262147:SRM262156 TBI262147:TBI262156 TLE262147:TLE262156 TVA262147:TVA262156 UEW262147:UEW262156 UOS262147:UOS262156 UYO262147:UYO262156 VIK262147:VIK262156 VSG262147:VSG262156 WCC262147:WCC262156 WLY262147:WLY262156 WVU262147:WVU262156 M327683:M327692 JI327683:JI327692 TE327683:TE327692 ADA327683:ADA327692 AMW327683:AMW327692 AWS327683:AWS327692 BGO327683:BGO327692 BQK327683:BQK327692 CAG327683:CAG327692 CKC327683:CKC327692 CTY327683:CTY327692 DDU327683:DDU327692 DNQ327683:DNQ327692 DXM327683:DXM327692 EHI327683:EHI327692 ERE327683:ERE327692 FBA327683:FBA327692 FKW327683:FKW327692 FUS327683:FUS327692 GEO327683:GEO327692 GOK327683:GOK327692 GYG327683:GYG327692 HIC327683:HIC327692 HRY327683:HRY327692 IBU327683:IBU327692 ILQ327683:ILQ327692 IVM327683:IVM327692 JFI327683:JFI327692 JPE327683:JPE327692 JZA327683:JZA327692 KIW327683:KIW327692 KSS327683:KSS327692 LCO327683:LCO327692 LMK327683:LMK327692 LWG327683:LWG327692 MGC327683:MGC327692 MPY327683:MPY327692 MZU327683:MZU327692 NJQ327683:NJQ327692 NTM327683:NTM327692 ODI327683:ODI327692 ONE327683:ONE327692 OXA327683:OXA327692 PGW327683:PGW327692 PQS327683:PQS327692 QAO327683:QAO327692 QKK327683:QKK327692 QUG327683:QUG327692 REC327683:REC327692 RNY327683:RNY327692 RXU327683:RXU327692 SHQ327683:SHQ327692 SRM327683:SRM327692 TBI327683:TBI327692 TLE327683:TLE327692 TVA327683:TVA327692 UEW327683:UEW327692 UOS327683:UOS327692 UYO327683:UYO327692 VIK327683:VIK327692 VSG327683:VSG327692 WCC327683:WCC327692 WLY327683:WLY327692 WVU327683:WVU327692 M393219:M393228 JI393219:JI393228 TE393219:TE393228 ADA393219:ADA393228 AMW393219:AMW393228 AWS393219:AWS393228 BGO393219:BGO393228 BQK393219:BQK393228 CAG393219:CAG393228 CKC393219:CKC393228 CTY393219:CTY393228 DDU393219:DDU393228 DNQ393219:DNQ393228 DXM393219:DXM393228 EHI393219:EHI393228 ERE393219:ERE393228 FBA393219:FBA393228 FKW393219:FKW393228 FUS393219:FUS393228 GEO393219:GEO393228 GOK393219:GOK393228 GYG393219:GYG393228 HIC393219:HIC393228 HRY393219:HRY393228 IBU393219:IBU393228 ILQ393219:ILQ393228 IVM393219:IVM393228 JFI393219:JFI393228 JPE393219:JPE393228 JZA393219:JZA393228 KIW393219:KIW393228 KSS393219:KSS393228 LCO393219:LCO393228 LMK393219:LMK393228 LWG393219:LWG393228 MGC393219:MGC393228 MPY393219:MPY393228 MZU393219:MZU393228 NJQ393219:NJQ393228 NTM393219:NTM393228 ODI393219:ODI393228 ONE393219:ONE393228 OXA393219:OXA393228 PGW393219:PGW393228 PQS393219:PQS393228 QAO393219:QAO393228 QKK393219:QKK393228 QUG393219:QUG393228 REC393219:REC393228 RNY393219:RNY393228 RXU393219:RXU393228 SHQ393219:SHQ393228 SRM393219:SRM393228 TBI393219:TBI393228 TLE393219:TLE393228 TVA393219:TVA393228 UEW393219:UEW393228 UOS393219:UOS393228 UYO393219:UYO393228 VIK393219:VIK393228 VSG393219:VSG393228 WCC393219:WCC393228 WLY393219:WLY393228 WVU393219:WVU393228 M458755:M458764 JI458755:JI458764 TE458755:TE458764 ADA458755:ADA458764 AMW458755:AMW458764 AWS458755:AWS458764 BGO458755:BGO458764 BQK458755:BQK458764 CAG458755:CAG458764 CKC458755:CKC458764 CTY458755:CTY458764 DDU458755:DDU458764 DNQ458755:DNQ458764 DXM458755:DXM458764 EHI458755:EHI458764 ERE458755:ERE458764 FBA458755:FBA458764 FKW458755:FKW458764 FUS458755:FUS458764 GEO458755:GEO458764 GOK458755:GOK458764 GYG458755:GYG458764 HIC458755:HIC458764 HRY458755:HRY458764 IBU458755:IBU458764 ILQ458755:ILQ458764 IVM458755:IVM458764 JFI458755:JFI458764 JPE458755:JPE458764 JZA458755:JZA458764 KIW458755:KIW458764 KSS458755:KSS458764 LCO458755:LCO458764 LMK458755:LMK458764 LWG458755:LWG458764 MGC458755:MGC458764 MPY458755:MPY458764 MZU458755:MZU458764 NJQ458755:NJQ458764 NTM458755:NTM458764 ODI458755:ODI458764 ONE458755:ONE458764 OXA458755:OXA458764 PGW458755:PGW458764 PQS458755:PQS458764 QAO458755:QAO458764 QKK458755:QKK458764 QUG458755:QUG458764 REC458755:REC458764 RNY458755:RNY458764 RXU458755:RXU458764 SHQ458755:SHQ458764 SRM458755:SRM458764 TBI458755:TBI458764 TLE458755:TLE458764 TVA458755:TVA458764 UEW458755:UEW458764 UOS458755:UOS458764 UYO458755:UYO458764 VIK458755:VIK458764 VSG458755:VSG458764 WCC458755:WCC458764 WLY458755:WLY458764 WVU458755:WVU458764 M524291:M524300 JI524291:JI524300 TE524291:TE524300 ADA524291:ADA524300 AMW524291:AMW524300 AWS524291:AWS524300 BGO524291:BGO524300 BQK524291:BQK524300 CAG524291:CAG524300 CKC524291:CKC524300 CTY524291:CTY524300 DDU524291:DDU524300 DNQ524291:DNQ524300 DXM524291:DXM524300 EHI524291:EHI524300 ERE524291:ERE524300 FBA524291:FBA524300 FKW524291:FKW524300 FUS524291:FUS524300 GEO524291:GEO524300 GOK524291:GOK524300 GYG524291:GYG524300 HIC524291:HIC524300 HRY524291:HRY524300 IBU524291:IBU524300 ILQ524291:ILQ524300 IVM524291:IVM524300 JFI524291:JFI524300 JPE524291:JPE524300 JZA524291:JZA524300 KIW524291:KIW524300 KSS524291:KSS524300 LCO524291:LCO524300 LMK524291:LMK524300 LWG524291:LWG524300 MGC524291:MGC524300 MPY524291:MPY524300 MZU524291:MZU524300 NJQ524291:NJQ524300 NTM524291:NTM524300 ODI524291:ODI524300 ONE524291:ONE524300 OXA524291:OXA524300 PGW524291:PGW524300 PQS524291:PQS524300 QAO524291:QAO524300 QKK524291:QKK524300 QUG524291:QUG524300 REC524291:REC524300 RNY524291:RNY524300 RXU524291:RXU524300 SHQ524291:SHQ524300 SRM524291:SRM524300 TBI524291:TBI524300 TLE524291:TLE524300 TVA524291:TVA524300 UEW524291:UEW524300 UOS524291:UOS524300 UYO524291:UYO524300 VIK524291:VIK524300 VSG524291:VSG524300 WCC524291:WCC524300 WLY524291:WLY524300 WVU524291:WVU524300 M589827:M589836 JI589827:JI589836 TE589827:TE589836 ADA589827:ADA589836 AMW589827:AMW589836 AWS589827:AWS589836 BGO589827:BGO589836 BQK589827:BQK589836 CAG589827:CAG589836 CKC589827:CKC589836 CTY589827:CTY589836 DDU589827:DDU589836 DNQ589827:DNQ589836 DXM589827:DXM589836 EHI589827:EHI589836 ERE589827:ERE589836 FBA589827:FBA589836 FKW589827:FKW589836 FUS589827:FUS589836 GEO589827:GEO589836 GOK589827:GOK589836 GYG589827:GYG589836 HIC589827:HIC589836 HRY589827:HRY589836 IBU589827:IBU589836 ILQ589827:ILQ589836 IVM589827:IVM589836 JFI589827:JFI589836 JPE589827:JPE589836 JZA589827:JZA589836 KIW589827:KIW589836 KSS589827:KSS589836 LCO589827:LCO589836 LMK589827:LMK589836 LWG589827:LWG589836 MGC589827:MGC589836 MPY589827:MPY589836 MZU589827:MZU589836 NJQ589827:NJQ589836 NTM589827:NTM589836 ODI589827:ODI589836 ONE589827:ONE589836 OXA589827:OXA589836 PGW589827:PGW589836 PQS589827:PQS589836 QAO589827:QAO589836 QKK589827:QKK589836 QUG589827:QUG589836 REC589827:REC589836 RNY589827:RNY589836 RXU589827:RXU589836 SHQ589827:SHQ589836 SRM589827:SRM589836 TBI589827:TBI589836 TLE589827:TLE589836 TVA589827:TVA589836 UEW589827:UEW589836 UOS589827:UOS589836 UYO589827:UYO589836 VIK589827:VIK589836 VSG589827:VSG589836 WCC589827:WCC589836 WLY589827:WLY589836 WVU589827:WVU589836 M655363:M655372 JI655363:JI655372 TE655363:TE655372 ADA655363:ADA655372 AMW655363:AMW655372 AWS655363:AWS655372 BGO655363:BGO655372 BQK655363:BQK655372 CAG655363:CAG655372 CKC655363:CKC655372 CTY655363:CTY655372 DDU655363:DDU655372 DNQ655363:DNQ655372 DXM655363:DXM655372 EHI655363:EHI655372 ERE655363:ERE655372 FBA655363:FBA655372 FKW655363:FKW655372 FUS655363:FUS655372 GEO655363:GEO655372 GOK655363:GOK655372 GYG655363:GYG655372 HIC655363:HIC655372 HRY655363:HRY655372 IBU655363:IBU655372 ILQ655363:ILQ655372 IVM655363:IVM655372 JFI655363:JFI655372 JPE655363:JPE655372 JZA655363:JZA655372 KIW655363:KIW655372 KSS655363:KSS655372 LCO655363:LCO655372 LMK655363:LMK655372 LWG655363:LWG655372 MGC655363:MGC655372 MPY655363:MPY655372 MZU655363:MZU655372 NJQ655363:NJQ655372 NTM655363:NTM655372 ODI655363:ODI655372 ONE655363:ONE655372 OXA655363:OXA655372 PGW655363:PGW655372 PQS655363:PQS655372 QAO655363:QAO655372 QKK655363:QKK655372 QUG655363:QUG655372 REC655363:REC655372 RNY655363:RNY655372 RXU655363:RXU655372 SHQ655363:SHQ655372 SRM655363:SRM655372 TBI655363:TBI655372 TLE655363:TLE655372 TVA655363:TVA655372 UEW655363:UEW655372 UOS655363:UOS655372 UYO655363:UYO655372 VIK655363:VIK655372 VSG655363:VSG655372 WCC655363:WCC655372 WLY655363:WLY655372 WVU655363:WVU655372 M720899:M720908 JI720899:JI720908 TE720899:TE720908 ADA720899:ADA720908 AMW720899:AMW720908 AWS720899:AWS720908 BGO720899:BGO720908 BQK720899:BQK720908 CAG720899:CAG720908 CKC720899:CKC720908 CTY720899:CTY720908 DDU720899:DDU720908 DNQ720899:DNQ720908 DXM720899:DXM720908 EHI720899:EHI720908 ERE720899:ERE720908 FBA720899:FBA720908 FKW720899:FKW720908 FUS720899:FUS720908 GEO720899:GEO720908 GOK720899:GOK720908 GYG720899:GYG720908 HIC720899:HIC720908 HRY720899:HRY720908 IBU720899:IBU720908 ILQ720899:ILQ720908 IVM720899:IVM720908 JFI720899:JFI720908 JPE720899:JPE720908 JZA720899:JZA720908 KIW720899:KIW720908 KSS720899:KSS720908 LCO720899:LCO720908 LMK720899:LMK720908 LWG720899:LWG720908 MGC720899:MGC720908 MPY720899:MPY720908 MZU720899:MZU720908 NJQ720899:NJQ720908 NTM720899:NTM720908 ODI720899:ODI720908 ONE720899:ONE720908 OXA720899:OXA720908 PGW720899:PGW720908 PQS720899:PQS720908 QAO720899:QAO720908 QKK720899:QKK720908 QUG720899:QUG720908 REC720899:REC720908 RNY720899:RNY720908 RXU720899:RXU720908 SHQ720899:SHQ720908 SRM720899:SRM720908 TBI720899:TBI720908 TLE720899:TLE720908 TVA720899:TVA720908 UEW720899:UEW720908 UOS720899:UOS720908 UYO720899:UYO720908 VIK720899:VIK720908 VSG720899:VSG720908 WCC720899:WCC720908 WLY720899:WLY720908 WVU720899:WVU720908 M786435:M786444 JI786435:JI786444 TE786435:TE786444 ADA786435:ADA786444 AMW786435:AMW786444 AWS786435:AWS786444 BGO786435:BGO786444 BQK786435:BQK786444 CAG786435:CAG786444 CKC786435:CKC786444 CTY786435:CTY786444 DDU786435:DDU786444 DNQ786435:DNQ786444 DXM786435:DXM786444 EHI786435:EHI786444 ERE786435:ERE786444 FBA786435:FBA786444 FKW786435:FKW786444 FUS786435:FUS786444 GEO786435:GEO786444 GOK786435:GOK786444 GYG786435:GYG786444 HIC786435:HIC786444 HRY786435:HRY786444 IBU786435:IBU786444 ILQ786435:ILQ786444 IVM786435:IVM786444 JFI786435:JFI786444 JPE786435:JPE786444 JZA786435:JZA786444 KIW786435:KIW786444 KSS786435:KSS786444 LCO786435:LCO786444 LMK786435:LMK786444 LWG786435:LWG786444 MGC786435:MGC786444 MPY786435:MPY786444 MZU786435:MZU786444 NJQ786435:NJQ786444 NTM786435:NTM786444 ODI786435:ODI786444 ONE786435:ONE786444 OXA786435:OXA786444 PGW786435:PGW786444 PQS786435:PQS786444 QAO786435:QAO786444 QKK786435:QKK786444 QUG786435:QUG786444 REC786435:REC786444 RNY786435:RNY786444 RXU786435:RXU786444 SHQ786435:SHQ786444 SRM786435:SRM786444 TBI786435:TBI786444 TLE786435:TLE786444 TVA786435:TVA786444 UEW786435:UEW786444 UOS786435:UOS786444 UYO786435:UYO786444 VIK786435:VIK786444 VSG786435:VSG786444 WCC786435:WCC786444 WLY786435:WLY786444 WVU786435:WVU786444 M851971:M851980 JI851971:JI851980 TE851971:TE851980 ADA851971:ADA851980 AMW851971:AMW851980 AWS851971:AWS851980 BGO851971:BGO851980 BQK851971:BQK851980 CAG851971:CAG851980 CKC851971:CKC851980 CTY851971:CTY851980 DDU851971:DDU851980 DNQ851971:DNQ851980 DXM851971:DXM851980 EHI851971:EHI851980 ERE851971:ERE851980 FBA851971:FBA851980 FKW851971:FKW851980 FUS851971:FUS851980 GEO851971:GEO851980 GOK851971:GOK851980 GYG851971:GYG851980 HIC851971:HIC851980 HRY851971:HRY851980 IBU851971:IBU851980 ILQ851971:ILQ851980 IVM851971:IVM851980 JFI851971:JFI851980 JPE851971:JPE851980 JZA851971:JZA851980 KIW851971:KIW851980 KSS851971:KSS851980 LCO851971:LCO851980 LMK851971:LMK851980 LWG851971:LWG851980 MGC851971:MGC851980 MPY851971:MPY851980 MZU851971:MZU851980 NJQ851971:NJQ851980 NTM851971:NTM851980 ODI851971:ODI851980 ONE851971:ONE851980 OXA851971:OXA851980 PGW851971:PGW851980 PQS851971:PQS851980 QAO851971:QAO851980 QKK851971:QKK851980 QUG851971:QUG851980 REC851971:REC851980 RNY851971:RNY851980 RXU851971:RXU851980 SHQ851971:SHQ851980 SRM851971:SRM851980 TBI851971:TBI851980 TLE851971:TLE851980 TVA851971:TVA851980 UEW851971:UEW851980 UOS851971:UOS851980 UYO851971:UYO851980 VIK851971:VIK851980 VSG851971:VSG851980 WCC851971:WCC851980 WLY851971:WLY851980 WVU851971:WVU851980 M917507:M917516 JI917507:JI917516 TE917507:TE917516 ADA917507:ADA917516 AMW917507:AMW917516 AWS917507:AWS917516 BGO917507:BGO917516 BQK917507:BQK917516 CAG917507:CAG917516 CKC917507:CKC917516 CTY917507:CTY917516 DDU917507:DDU917516 DNQ917507:DNQ917516 DXM917507:DXM917516 EHI917507:EHI917516 ERE917507:ERE917516 FBA917507:FBA917516 FKW917507:FKW917516 FUS917507:FUS917516 GEO917507:GEO917516 GOK917507:GOK917516 GYG917507:GYG917516 HIC917507:HIC917516 HRY917507:HRY917516 IBU917507:IBU917516 ILQ917507:ILQ917516 IVM917507:IVM917516 JFI917507:JFI917516 JPE917507:JPE917516 JZA917507:JZA917516 KIW917507:KIW917516 KSS917507:KSS917516 LCO917507:LCO917516 LMK917507:LMK917516 LWG917507:LWG917516 MGC917507:MGC917516 MPY917507:MPY917516 MZU917507:MZU917516 NJQ917507:NJQ917516 NTM917507:NTM917516 ODI917507:ODI917516 ONE917507:ONE917516 OXA917507:OXA917516 PGW917507:PGW917516 PQS917507:PQS917516 QAO917507:QAO917516 QKK917507:QKK917516 QUG917507:QUG917516 REC917507:REC917516 RNY917507:RNY917516 RXU917507:RXU917516 SHQ917507:SHQ917516 SRM917507:SRM917516 TBI917507:TBI917516 TLE917507:TLE917516 TVA917507:TVA917516 UEW917507:UEW917516 UOS917507:UOS917516 UYO917507:UYO917516 VIK917507:VIK917516 VSG917507:VSG917516 WCC917507:WCC917516 WLY917507:WLY917516 WVU917507:WVU917516 M983043:M983052 JI983043:JI983052 TE983043:TE983052 ADA983043:ADA983052 AMW983043:AMW983052 AWS983043:AWS983052 BGO983043:BGO983052 BQK983043:BQK983052 CAG983043:CAG983052 CKC983043:CKC983052 CTY983043:CTY983052 DDU983043:DDU983052 DNQ983043:DNQ983052 DXM983043:DXM983052 EHI983043:EHI983052 ERE983043:ERE983052 FBA983043:FBA983052 FKW983043:FKW983052 FUS983043:FUS983052 GEO983043:GEO983052 GOK983043:GOK983052 GYG983043:GYG983052 HIC983043:HIC983052 HRY983043:HRY983052 IBU983043:IBU983052 ILQ983043:ILQ983052 IVM983043:IVM983052 JFI983043:JFI983052 JPE983043:JPE983052 JZA983043:JZA983052 KIW983043:KIW983052 KSS983043:KSS983052 LCO983043:LCO983052 LMK983043:LMK983052 LWG983043:LWG983052 MGC983043:MGC983052 MPY983043:MPY983052 MZU983043:MZU983052 NJQ983043:NJQ983052 NTM983043:NTM983052 ODI983043:ODI983052 ONE983043:ONE983052 OXA983043:OXA983052 PGW983043:PGW983052 PQS983043:PQS983052 QAO983043:QAO983052 QKK983043:QKK983052 QUG983043:QUG983052 REC983043:REC983052 RNY983043:RNY983052 RXU983043:RXU983052 SHQ983043:SHQ983052 SRM983043:SRM983052 TBI983043:TBI983052 TLE983043:TLE983052 TVA983043:TVA983052 UEW983043:UEW983052 UOS983043:UOS983052 UYO983043:UYO983052 VIK983043:VIK983052 VSG983043:VSG983052 WCC983043:WCC983052 WLY983043:WLY983052 WVU983043:WVU983052 M18:M59 JI18:JI59 TE18:TE59 ADA18:ADA59 AMW18:AMW59 AWS18:AWS59 BGO18:BGO59 BQK18:BQK59 CAG18:CAG59 CKC18:CKC59 CTY18:CTY59 DDU18:DDU59 DNQ18:DNQ59 DXM18:DXM59 EHI18:EHI59 ERE18:ERE59 FBA18:FBA59 FKW18:FKW59 FUS18:FUS59 GEO18:GEO59 GOK18:GOK59 GYG18:GYG59 HIC18:HIC59 HRY18:HRY59 IBU18:IBU59 ILQ18:ILQ59 IVM18:IVM59 JFI18:JFI59 JPE18:JPE59 JZA18:JZA59 KIW18:KIW59 KSS18:KSS59 LCO18:LCO59 LMK18:LMK59 LWG18:LWG59 MGC18:MGC59 MPY18:MPY59 MZU18:MZU59 NJQ18:NJQ59 NTM18:NTM59 ODI18:ODI59 ONE18:ONE59 OXA18:OXA59 PGW18:PGW59 PQS18:PQS59 QAO18:QAO59 QKK18:QKK59 QUG18:QUG59 REC18:REC59 RNY18:RNY59 RXU18:RXU59 SHQ18:SHQ59 SRM18:SRM59 TBI18:TBI59 TLE18:TLE59 TVA18:TVA59 UEW18:UEW59 UOS18:UOS59 UYO18:UYO59 VIK18:VIK59 VSG18:VSG59 WCC18:WCC59 WLY18:WLY59 WVU18:WVU59 M65554:M65595 JI65554:JI65595 TE65554:TE65595 ADA65554:ADA65595 AMW65554:AMW65595 AWS65554:AWS65595 BGO65554:BGO65595 BQK65554:BQK65595 CAG65554:CAG65595 CKC65554:CKC65595 CTY65554:CTY65595 DDU65554:DDU65595 DNQ65554:DNQ65595 DXM65554:DXM65595 EHI65554:EHI65595 ERE65554:ERE65595 FBA65554:FBA65595 FKW65554:FKW65595 FUS65554:FUS65595 GEO65554:GEO65595 GOK65554:GOK65595 GYG65554:GYG65595 HIC65554:HIC65595 HRY65554:HRY65595 IBU65554:IBU65595 ILQ65554:ILQ65595 IVM65554:IVM65595 JFI65554:JFI65595 JPE65554:JPE65595 JZA65554:JZA65595 KIW65554:KIW65595 KSS65554:KSS65595 LCO65554:LCO65595 LMK65554:LMK65595 LWG65554:LWG65595 MGC65554:MGC65595 MPY65554:MPY65595 MZU65554:MZU65595 NJQ65554:NJQ65595 NTM65554:NTM65595 ODI65554:ODI65595 ONE65554:ONE65595 OXA65554:OXA65595 PGW65554:PGW65595 PQS65554:PQS65595 QAO65554:QAO65595 QKK65554:QKK65595 QUG65554:QUG65595 REC65554:REC65595 RNY65554:RNY65595 RXU65554:RXU65595 SHQ65554:SHQ65595 SRM65554:SRM65595 TBI65554:TBI65595 TLE65554:TLE65595 TVA65554:TVA65595 UEW65554:UEW65595 UOS65554:UOS65595 UYO65554:UYO65595 VIK65554:VIK65595 VSG65554:VSG65595 WCC65554:WCC65595 WLY65554:WLY65595 WVU65554:WVU65595 M131090:M131131 JI131090:JI131131 TE131090:TE131131 ADA131090:ADA131131 AMW131090:AMW131131 AWS131090:AWS131131 BGO131090:BGO131131 BQK131090:BQK131131 CAG131090:CAG131131 CKC131090:CKC131131 CTY131090:CTY131131 DDU131090:DDU131131 DNQ131090:DNQ131131 DXM131090:DXM131131 EHI131090:EHI131131 ERE131090:ERE131131 FBA131090:FBA131131 FKW131090:FKW131131 FUS131090:FUS131131 GEO131090:GEO131131 GOK131090:GOK131131 GYG131090:GYG131131 HIC131090:HIC131131 HRY131090:HRY131131 IBU131090:IBU131131 ILQ131090:ILQ131131 IVM131090:IVM131131 JFI131090:JFI131131 JPE131090:JPE131131 JZA131090:JZA131131 KIW131090:KIW131131 KSS131090:KSS131131 LCO131090:LCO131131 LMK131090:LMK131131 LWG131090:LWG131131 MGC131090:MGC131131 MPY131090:MPY131131 MZU131090:MZU131131 NJQ131090:NJQ131131 NTM131090:NTM131131 ODI131090:ODI131131 ONE131090:ONE131131 OXA131090:OXA131131 PGW131090:PGW131131 PQS131090:PQS131131 QAO131090:QAO131131 QKK131090:QKK131131 QUG131090:QUG131131 REC131090:REC131131 RNY131090:RNY131131 RXU131090:RXU131131 SHQ131090:SHQ131131 SRM131090:SRM131131 TBI131090:TBI131131 TLE131090:TLE131131 TVA131090:TVA131131 UEW131090:UEW131131 UOS131090:UOS131131 UYO131090:UYO131131 VIK131090:VIK131131 VSG131090:VSG131131 WCC131090:WCC131131 WLY131090:WLY131131 WVU131090:WVU131131 M196626:M196667 JI196626:JI196667 TE196626:TE196667 ADA196626:ADA196667 AMW196626:AMW196667 AWS196626:AWS196667 BGO196626:BGO196667 BQK196626:BQK196667 CAG196626:CAG196667 CKC196626:CKC196667 CTY196626:CTY196667 DDU196626:DDU196667 DNQ196626:DNQ196667 DXM196626:DXM196667 EHI196626:EHI196667 ERE196626:ERE196667 FBA196626:FBA196667 FKW196626:FKW196667 FUS196626:FUS196667 GEO196626:GEO196667 GOK196626:GOK196667 GYG196626:GYG196667 HIC196626:HIC196667 HRY196626:HRY196667 IBU196626:IBU196667 ILQ196626:ILQ196667 IVM196626:IVM196667 JFI196626:JFI196667 JPE196626:JPE196667 JZA196626:JZA196667 KIW196626:KIW196667 KSS196626:KSS196667 LCO196626:LCO196667 LMK196626:LMK196667 LWG196626:LWG196667 MGC196626:MGC196667 MPY196626:MPY196667 MZU196626:MZU196667 NJQ196626:NJQ196667 NTM196626:NTM196667 ODI196626:ODI196667 ONE196626:ONE196667 OXA196626:OXA196667 PGW196626:PGW196667 PQS196626:PQS196667 QAO196626:QAO196667 QKK196626:QKK196667 QUG196626:QUG196667 REC196626:REC196667 RNY196626:RNY196667 RXU196626:RXU196667 SHQ196626:SHQ196667 SRM196626:SRM196667 TBI196626:TBI196667 TLE196626:TLE196667 TVA196626:TVA196667 UEW196626:UEW196667 UOS196626:UOS196667 UYO196626:UYO196667 VIK196626:VIK196667 VSG196626:VSG196667 WCC196626:WCC196667 WLY196626:WLY196667 WVU196626:WVU196667 M262162:M262203 JI262162:JI262203 TE262162:TE262203 ADA262162:ADA262203 AMW262162:AMW262203 AWS262162:AWS262203 BGO262162:BGO262203 BQK262162:BQK262203 CAG262162:CAG262203 CKC262162:CKC262203 CTY262162:CTY262203 DDU262162:DDU262203 DNQ262162:DNQ262203 DXM262162:DXM262203 EHI262162:EHI262203 ERE262162:ERE262203 FBA262162:FBA262203 FKW262162:FKW262203 FUS262162:FUS262203 GEO262162:GEO262203 GOK262162:GOK262203 GYG262162:GYG262203 HIC262162:HIC262203 HRY262162:HRY262203 IBU262162:IBU262203 ILQ262162:ILQ262203 IVM262162:IVM262203 JFI262162:JFI262203 JPE262162:JPE262203 JZA262162:JZA262203 KIW262162:KIW262203 KSS262162:KSS262203 LCO262162:LCO262203 LMK262162:LMK262203 LWG262162:LWG262203 MGC262162:MGC262203 MPY262162:MPY262203 MZU262162:MZU262203 NJQ262162:NJQ262203 NTM262162:NTM262203 ODI262162:ODI262203 ONE262162:ONE262203 OXA262162:OXA262203 PGW262162:PGW262203 PQS262162:PQS262203 QAO262162:QAO262203 QKK262162:QKK262203 QUG262162:QUG262203 REC262162:REC262203 RNY262162:RNY262203 RXU262162:RXU262203 SHQ262162:SHQ262203 SRM262162:SRM262203 TBI262162:TBI262203 TLE262162:TLE262203 TVA262162:TVA262203 UEW262162:UEW262203 UOS262162:UOS262203 UYO262162:UYO262203 VIK262162:VIK262203 VSG262162:VSG262203 WCC262162:WCC262203 WLY262162:WLY262203 WVU262162:WVU262203 M327698:M327739 JI327698:JI327739 TE327698:TE327739 ADA327698:ADA327739 AMW327698:AMW327739 AWS327698:AWS327739 BGO327698:BGO327739 BQK327698:BQK327739 CAG327698:CAG327739 CKC327698:CKC327739 CTY327698:CTY327739 DDU327698:DDU327739 DNQ327698:DNQ327739 DXM327698:DXM327739 EHI327698:EHI327739 ERE327698:ERE327739 FBA327698:FBA327739 FKW327698:FKW327739 FUS327698:FUS327739 GEO327698:GEO327739 GOK327698:GOK327739 GYG327698:GYG327739 HIC327698:HIC327739 HRY327698:HRY327739 IBU327698:IBU327739 ILQ327698:ILQ327739 IVM327698:IVM327739 JFI327698:JFI327739 JPE327698:JPE327739 JZA327698:JZA327739 KIW327698:KIW327739 KSS327698:KSS327739 LCO327698:LCO327739 LMK327698:LMK327739 LWG327698:LWG327739 MGC327698:MGC327739 MPY327698:MPY327739 MZU327698:MZU327739 NJQ327698:NJQ327739 NTM327698:NTM327739 ODI327698:ODI327739 ONE327698:ONE327739 OXA327698:OXA327739 PGW327698:PGW327739 PQS327698:PQS327739 QAO327698:QAO327739 QKK327698:QKK327739 QUG327698:QUG327739 REC327698:REC327739 RNY327698:RNY327739 RXU327698:RXU327739 SHQ327698:SHQ327739 SRM327698:SRM327739 TBI327698:TBI327739 TLE327698:TLE327739 TVA327698:TVA327739 UEW327698:UEW327739 UOS327698:UOS327739 UYO327698:UYO327739 VIK327698:VIK327739 VSG327698:VSG327739 WCC327698:WCC327739 WLY327698:WLY327739 WVU327698:WVU327739 M393234:M393275 JI393234:JI393275 TE393234:TE393275 ADA393234:ADA393275 AMW393234:AMW393275 AWS393234:AWS393275 BGO393234:BGO393275 BQK393234:BQK393275 CAG393234:CAG393275 CKC393234:CKC393275 CTY393234:CTY393275 DDU393234:DDU393275 DNQ393234:DNQ393275 DXM393234:DXM393275 EHI393234:EHI393275 ERE393234:ERE393275 FBA393234:FBA393275 FKW393234:FKW393275 FUS393234:FUS393275 GEO393234:GEO393275 GOK393234:GOK393275 GYG393234:GYG393275 HIC393234:HIC393275 HRY393234:HRY393275 IBU393234:IBU393275 ILQ393234:ILQ393275 IVM393234:IVM393275 JFI393234:JFI393275 JPE393234:JPE393275 JZA393234:JZA393275 KIW393234:KIW393275 KSS393234:KSS393275 LCO393234:LCO393275 LMK393234:LMK393275 LWG393234:LWG393275 MGC393234:MGC393275 MPY393234:MPY393275 MZU393234:MZU393275 NJQ393234:NJQ393275 NTM393234:NTM393275 ODI393234:ODI393275 ONE393234:ONE393275 OXA393234:OXA393275 PGW393234:PGW393275 PQS393234:PQS393275 QAO393234:QAO393275 QKK393234:QKK393275 QUG393234:QUG393275 REC393234:REC393275 RNY393234:RNY393275 RXU393234:RXU393275 SHQ393234:SHQ393275 SRM393234:SRM393275 TBI393234:TBI393275 TLE393234:TLE393275 TVA393234:TVA393275 UEW393234:UEW393275 UOS393234:UOS393275 UYO393234:UYO393275 VIK393234:VIK393275 VSG393234:VSG393275 WCC393234:WCC393275 WLY393234:WLY393275 WVU393234:WVU393275 M458770:M458811 JI458770:JI458811 TE458770:TE458811 ADA458770:ADA458811 AMW458770:AMW458811 AWS458770:AWS458811 BGO458770:BGO458811 BQK458770:BQK458811 CAG458770:CAG458811 CKC458770:CKC458811 CTY458770:CTY458811 DDU458770:DDU458811 DNQ458770:DNQ458811 DXM458770:DXM458811 EHI458770:EHI458811 ERE458770:ERE458811 FBA458770:FBA458811 FKW458770:FKW458811 FUS458770:FUS458811 GEO458770:GEO458811 GOK458770:GOK458811 GYG458770:GYG458811 HIC458770:HIC458811 HRY458770:HRY458811 IBU458770:IBU458811 ILQ458770:ILQ458811 IVM458770:IVM458811 JFI458770:JFI458811 JPE458770:JPE458811 JZA458770:JZA458811 KIW458770:KIW458811 KSS458770:KSS458811 LCO458770:LCO458811 LMK458770:LMK458811 LWG458770:LWG458811 MGC458770:MGC458811 MPY458770:MPY458811 MZU458770:MZU458811 NJQ458770:NJQ458811 NTM458770:NTM458811 ODI458770:ODI458811 ONE458770:ONE458811 OXA458770:OXA458811 PGW458770:PGW458811 PQS458770:PQS458811 QAO458770:QAO458811 QKK458770:QKK458811 QUG458770:QUG458811 REC458770:REC458811 RNY458770:RNY458811 RXU458770:RXU458811 SHQ458770:SHQ458811 SRM458770:SRM458811 TBI458770:TBI458811 TLE458770:TLE458811 TVA458770:TVA458811 UEW458770:UEW458811 UOS458770:UOS458811 UYO458770:UYO458811 VIK458770:VIK458811 VSG458770:VSG458811 WCC458770:WCC458811 WLY458770:WLY458811 WVU458770:WVU458811 M524306:M524347 JI524306:JI524347 TE524306:TE524347 ADA524306:ADA524347 AMW524306:AMW524347 AWS524306:AWS524347 BGO524306:BGO524347 BQK524306:BQK524347 CAG524306:CAG524347 CKC524306:CKC524347 CTY524306:CTY524347 DDU524306:DDU524347 DNQ524306:DNQ524347 DXM524306:DXM524347 EHI524306:EHI524347 ERE524306:ERE524347 FBA524306:FBA524347 FKW524306:FKW524347 FUS524306:FUS524347 GEO524306:GEO524347 GOK524306:GOK524347 GYG524306:GYG524347 HIC524306:HIC524347 HRY524306:HRY524347 IBU524306:IBU524347 ILQ524306:ILQ524347 IVM524306:IVM524347 JFI524306:JFI524347 JPE524306:JPE524347 JZA524306:JZA524347 KIW524306:KIW524347 KSS524306:KSS524347 LCO524306:LCO524347 LMK524306:LMK524347 LWG524306:LWG524347 MGC524306:MGC524347 MPY524306:MPY524347 MZU524306:MZU524347 NJQ524306:NJQ524347 NTM524306:NTM524347 ODI524306:ODI524347 ONE524306:ONE524347 OXA524306:OXA524347 PGW524306:PGW524347 PQS524306:PQS524347 QAO524306:QAO524347 QKK524306:QKK524347 QUG524306:QUG524347 REC524306:REC524347 RNY524306:RNY524347 RXU524306:RXU524347 SHQ524306:SHQ524347 SRM524306:SRM524347 TBI524306:TBI524347 TLE524306:TLE524347 TVA524306:TVA524347 UEW524306:UEW524347 UOS524306:UOS524347 UYO524306:UYO524347 VIK524306:VIK524347 VSG524306:VSG524347 WCC524306:WCC524347 WLY524306:WLY524347 WVU524306:WVU524347 M589842:M589883 JI589842:JI589883 TE589842:TE589883 ADA589842:ADA589883 AMW589842:AMW589883 AWS589842:AWS589883 BGO589842:BGO589883 BQK589842:BQK589883 CAG589842:CAG589883 CKC589842:CKC589883 CTY589842:CTY589883 DDU589842:DDU589883 DNQ589842:DNQ589883 DXM589842:DXM589883 EHI589842:EHI589883 ERE589842:ERE589883 FBA589842:FBA589883 FKW589842:FKW589883 FUS589842:FUS589883 GEO589842:GEO589883 GOK589842:GOK589883 GYG589842:GYG589883 HIC589842:HIC589883 HRY589842:HRY589883 IBU589842:IBU589883 ILQ589842:ILQ589883 IVM589842:IVM589883 JFI589842:JFI589883 JPE589842:JPE589883 JZA589842:JZA589883 KIW589842:KIW589883 KSS589842:KSS589883 LCO589842:LCO589883 LMK589842:LMK589883 LWG589842:LWG589883 MGC589842:MGC589883 MPY589842:MPY589883 MZU589842:MZU589883 NJQ589842:NJQ589883 NTM589842:NTM589883 ODI589842:ODI589883 ONE589842:ONE589883 OXA589842:OXA589883 PGW589842:PGW589883 PQS589842:PQS589883 QAO589842:QAO589883 QKK589842:QKK589883 QUG589842:QUG589883 REC589842:REC589883 RNY589842:RNY589883 RXU589842:RXU589883 SHQ589842:SHQ589883 SRM589842:SRM589883 TBI589842:TBI589883 TLE589842:TLE589883 TVA589842:TVA589883 UEW589842:UEW589883 UOS589842:UOS589883 UYO589842:UYO589883 VIK589842:VIK589883 VSG589842:VSG589883 WCC589842:WCC589883 WLY589842:WLY589883 WVU589842:WVU589883 M655378:M655419 JI655378:JI655419 TE655378:TE655419 ADA655378:ADA655419 AMW655378:AMW655419 AWS655378:AWS655419 BGO655378:BGO655419 BQK655378:BQK655419 CAG655378:CAG655419 CKC655378:CKC655419 CTY655378:CTY655419 DDU655378:DDU655419 DNQ655378:DNQ655419 DXM655378:DXM655419 EHI655378:EHI655419 ERE655378:ERE655419 FBA655378:FBA655419 FKW655378:FKW655419 FUS655378:FUS655419 GEO655378:GEO655419 GOK655378:GOK655419 GYG655378:GYG655419 HIC655378:HIC655419 HRY655378:HRY655419 IBU655378:IBU655419 ILQ655378:ILQ655419 IVM655378:IVM655419 JFI655378:JFI655419 JPE655378:JPE655419 JZA655378:JZA655419 KIW655378:KIW655419 KSS655378:KSS655419 LCO655378:LCO655419 LMK655378:LMK655419 LWG655378:LWG655419 MGC655378:MGC655419 MPY655378:MPY655419 MZU655378:MZU655419 NJQ655378:NJQ655419 NTM655378:NTM655419 ODI655378:ODI655419 ONE655378:ONE655419 OXA655378:OXA655419 PGW655378:PGW655419 PQS655378:PQS655419 QAO655378:QAO655419 QKK655378:QKK655419 QUG655378:QUG655419 REC655378:REC655419 RNY655378:RNY655419 RXU655378:RXU655419 SHQ655378:SHQ655419 SRM655378:SRM655419 TBI655378:TBI655419 TLE655378:TLE655419 TVA655378:TVA655419 UEW655378:UEW655419 UOS655378:UOS655419 UYO655378:UYO655419 VIK655378:VIK655419 VSG655378:VSG655419 WCC655378:WCC655419 WLY655378:WLY655419 WVU655378:WVU655419 M720914:M720955 JI720914:JI720955 TE720914:TE720955 ADA720914:ADA720955 AMW720914:AMW720955 AWS720914:AWS720955 BGO720914:BGO720955 BQK720914:BQK720955 CAG720914:CAG720955 CKC720914:CKC720955 CTY720914:CTY720955 DDU720914:DDU720955 DNQ720914:DNQ720955 DXM720914:DXM720955 EHI720914:EHI720955 ERE720914:ERE720955 FBA720914:FBA720955 FKW720914:FKW720955 FUS720914:FUS720955 GEO720914:GEO720955 GOK720914:GOK720955 GYG720914:GYG720955 HIC720914:HIC720955 HRY720914:HRY720955 IBU720914:IBU720955 ILQ720914:ILQ720955 IVM720914:IVM720955 JFI720914:JFI720955 JPE720914:JPE720955 JZA720914:JZA720955 KIW720914:KIW720955 KSS720914:KSS720955 LCO720914:LCO720955 LMK720914:LMK720955 LWG720914:LWG720955 MGC720914:MGC720955 MPY720914:MPY720955 MZU720914:MZU720955 NJQ720914:NJQ720955 NTM720914:NTM720955 ODI720914:ODI720955 ONE720914:ONE720955 OXA720914:OXA720955 PGW720914:PGW720955 PQS720914:PQS720955 QAO720914:QAO720955 QKK720914:QKK720955 QUG720914:QUG720955 REC720914:REC720955 RNY720914:RNY720955 RXU720914:RXU720955 SHQ720914:SHQ720955 SRM720914:SRM720955 TBI720914:TBI720955 TLE720914:TLE720955 TVA720914:TVA720955 UEW720914:UEW720955 UOS720914:UOS720955 UYO720914:UYO720955 VIK720914:VIK720955 VSG720914:VSG720955 WCC720914:WCC720955 WLY720914:WLY720955 WVU720914:WVU720955 M786450:M786491 JI786450:JI786491 TE786450:TE786491 ADA786450:ADA786491 AMW786450:AMW786491 AWS786450:AWS786491 BGO786450:BGO786491 BQK786450:BQK786491 CAG786450:CAG786491 CKC786450:CKC786491 CTY786450:CTY786491 DDU786450:DDU786491 DNQ786450:DNQ786491 DXM786450:DXM786491 EHI786450:EHI786491 ERE786450:ERE786491 FBA786450:FBA786491 FKW786450:FKW786491 FUS786450:FUS786491 GEO786450:GEO786491 GOK786450:GOK786491 GYG786450:GYG786491 HIC786450:HIC786491 HRY786450:HRY786491 IBU786450:IBU786491 ILQ786450:ILQ786491 IVM786450:IVM786491 JFI786450:JFI786491 JPE786450:JPE786491 JZA786450:JZA786491 KIW786450:KIW786491 KSS786450:KSS786491 LCO786450:LCO786491 LMK786450:LMK786491 LWG786450:LWG786491 MGC786450:MGC786491 MPY786450:MPY786491 MZU786450:MZU786491 NJQ786450:NJQ786491 NTM786450:NTM786491 ODI786450:ODI786491 ONE786450:ONE786491 OXA786450:OXA786491 PGW786450:PGW786491 PQS786450:PQS786491 QAO786450:QAO786491 QKK786450:QKK786491 QUG786450:QUG786491 REC786450:REC786491 RNY786450:RNY786491 RXU786450:RXU786491 SHQ786450:SHQ786491 SRM786450:SRM786491 TBI786450:TBI786491 TLE786450:TLE786491 TVA786450:TVA786491 UEW786450:UEW786491 UOS786450:UOS786491 UYO786450:UYO786491 VIK786450:VIK786491 VSG786450:VSG786491 WCC786450:WCC786491 WLY786450:WLY786491 WVU786450:WVU786491 M851986:M852027 JI851986:JI852027 TE851986:TE852027 ADA851986:ADA852027 AMW851986:AMW852027 AWS851986:AWS852027 BGO851986:BGO852027 BQK851986:BQK852027 CAG851986:CAG852027 CKC851986:CKC852027 CTY851986:CTY852027 DDU851986:DDU852027 DNQ851986:DNQ852027 DXM851986:DXM852027 EHI851986:EHI852027 ERE851986:ERE852027 FBA851986:FBA852027 FKW851986:FKW852027 FUS851986:FUS852027 GEO851986:GEO852027 GOK851986:GOK852027 GYG851986:GYG852027 HIC851986:HIC852027 HRY851986:HRY852027 IBU851986:IBU852027 ILQ851986:ILQ852027 IVM851986:IVM852027 JFI851986:JFI852027 JPE851986:JPE852027 JZA851986:JZA852027 KIW851986:KIW852027 KSS851986:KSS852027 LCO851986:LCO852027 LMK851986:LMK852027 LWG851986:LWG852027 MGC851986:MGC852027 MPY851986:MPY852027 MZU851986:MZU852027 NJQ851986:NJQ852027 NTM851986:NTM852027 ODI851986:ODI852027 ONE851986:ONE852027 OXA851986:OXA852027 PGW851986:PGW852027 PQS851986:PQS852027 QAO851986:QAO852027 QKK851986:QKK852027 QUG851986:QUG852027 REC851986:REC852027 RNY851986:RNY852027 RXU851986:RXU852027 SHQ851986:SHQ852027 SRM851986:SRM852027 TBI851986:TBI852027 TLE851986:TLE852027 TVA851986:TVA852027 UEW851986:UEW852027 UOS851986:UOS852027 UYO851986:UYO852027 VIK851986:VIK852027 VSG851986:VSG852027 WCC851986:WCC852027 WLY851986:WLY852027 WVU851986:WVU852027 M917522:M917563 JI917522:JI917563 TE917522:TE917563 ADA917522:ADA917563 AMW917522:AMW917563 AWS917522:AWS917563 BGO917522:BGO917563 BQK917522:BQK917563 CAG917522:CAG917563 CKC917522:CKC917563 CTY917522:CTY917563 DDU917522:DDU917563 DNQ917522:DNQ917563 DXM917522:DXM917563 EHI917522:EHI917563 ERE917522:ERE917563 FBA917522:FBA917563 FKW917522:FKW917563 FUS917522:FUS917563 GEO917522:GEO917563 GOK917522:GOK917563 GYG917522:GYG917563 HIC917522:HIC917563 HRY917522:HRY917563 IBU917522:IBU917563 ILQ917522:ILQ917563 IVM917522:IVM917563 JFI917522:JFI917563 JPE917522:JPE917563 JZA917522:JZA917563 KIW917522:KIW917563 KSS917522:KSS917563 LCO917522:LCO917563 LMK917522:LMK917563 LWG917522:LWG917563 MGC917522:MGC917563 MPY917522:MPY917563 MZU917522:MZU917563 NJQ917522:NJQ917563 NTM917522:NTM917563 ODI917522:ODI917563 ONE917522:ONE917563 OXA917522:OXA917563 PGW917522:PGW917563 PQS917522:PQS917563 QAO917522:QAO917563 QKK917522:QKK917563 QUG917522:QUG917563 REC917522:REC917563 RNY917522:RNY917563 RXU917522:RXU917563 SHQ917522:SHQ917563 SRM917522:SRM917563 TBI917522:TBI917563 TLE917522:TLE917563 TVA917522:TVA917563 UEW917522:UEW917563 UOS917522:UOS917563 UYO917522:UYO917563 VIK917522:VIK917563 VSG917522:VSG917563 WCC917522:WCC917563 WLY917522:WLY917563 WVU917522:WVU917563 M983058:M983099 JI983058:JI983099 TE983058:TE983099 ADA983058:ADA983099 AMW983058:AMW983099 AWS983058:AWS983099 BGO983058:BGO983099 BQK983058:BQK983099 CAG983058:CAG983099 CKC983058:CKC983099 CTY983058:CTY983099 DDU983058:DDU983099 DNQ983058:DNQ983099 DXM983058:DXM983099 EHI983058:EHI983099 ERE983058:ERE983099 FBA983058:FBA983099 FKW983058:FKW983099 FUS983058:FUS983099 GEO983058:GEO983099 GOK983058:GOK983099 GYG983058:GYG983099 HIC983058:HIC983099 HRY983058:HRY983099 IBU983058:IBU983099 ILQ983058:ILQ983099 IVM983058:IVM983099 JFI983058:JFI983099 JPE983058:JPE983099 JZA983058:JZA983099 KIW983058:KIW983099 KSS983058:KSS983099 LCO983058:LCO983099 LMK983058:LMK983099 LWG983058:LWG983099 MGC983058:MGC983099 MPY983058:MPY983099 MZU983058:MZU983099 NJQ983058:NJQ983099 NTM983058:NTM983099 ODI983058:ODI983099 ONE983058:ONE983099 OXA983058:OXA983099 PGW983058:PGW983099 PQS983058:PQS983099 QAO983058:QAO983099 QKK983058:QKK983099 QUG983058:QUG983099 REC983058:REC983099 RNY983058:RNY983099 RXU983058:RXU983099 SHQ983058:SHQ983099 SRM983058:SRM983099 TBI983058:TBI983099 TLE983058:TLE983099 TVA983058:TVA983099 UEW983058:UEW983099 UOS983058:UOS983099 UYO983058:UYO983099 VIK983058:VIK983099 VSG983058:VSG983099 WCC983058:WCC983099 WLY983058:WLY983099 WVU983058:WVU983099 M61:M76 JI61:JI76 TE61:TE76 ADA61:ADA76 AMW61:AMW76 AWS61:AWS76 BGO61:BGO76 BQK61:BQK76 CAG61:CAG76 CKC61:CKC76 CTY61:CTY76 DDU61:DDU76 DNQ61:DNQ76 DXM61:DXM76 EHI61:EHI76 ERE61:ERE76 FBA61:FBA76 FKW61:FKW76 FUS61:FUS76 GEO61:GEO76 GOK61:GOK76 GYG61:GYG76 HIC61:HIC76 HRY61:HRY76 IBU61:IBU76 ILQ61:ILQ76 IVM61:IVM76 JFI61:JFI76 JPE61:JPE76 JZA61:JZA76 KIW61:KIW76 KSS61:KSS76 LCO61:LCO76 LMK61:LMK76 LWG61:LWG76 MGC61:MGC76 MPY61:MPY76 MZU61:MZU76 NJQ61:NJQ76 NTM61:NTM76 ODI61:ODI76 ONE61:ONE76 OXA61:OXA76 PGW61:PGW76 PQS61:PQS76 QAO61:QAO76 QKK61:QKK76 QUG61:QUG76 REC61:REC76 RNY61:RNY76 RXU61:RXU76 SHQ61:SHQ76 SRM61:SRM76 TBI61:TBI76 TLE61:TLE76 TVA61:TVA76 UEW61:UEW76 UOS61:UOS76 UYO61:UYO76 VIK61:VIK76 VSG61:VSG76 WCC61:WCC76 WLY61:WLY76 WVU61:WVU76 M65597:M65612 JI65597:JI65612 TE65597:TE65612 ADA65597:ADA65612 AMW65597:AMW65612 AWS65597:AWS65612 BGO65597:BGO65612 BQK65597:BQK65612 CAG65597:CAG65612 CKC65597:CKC65612 CTY65597:CTY65612 DDU65597:DDU65612 DNQ65597:DNQ65612 DXM65597:DXM65612 EHI65597:EHI65612 ERE65597:ERE65612 FBA65597:FBA65612 FKW65597:FKW65612 FUS65597:FUS65612 GEO65597:GEO65612 GOK65597:GOK65612 GYG65597:GYG65612 HIC65597:HIC65612 HRY65597:HRY65612 IBU65597:IBU65612 ILQ65597:ILQ65612 IVM65597:IVM65612 JFI65597:JFI65612 JPE65597:JPE65612 JZA65597:JZA65612 KIW65597:KIW65612 KSS65597:KSS65612 LCO65597:LCO65612 LMK65597:LMK65612 LWG65597:LWG65612 MGC65597:MGC65612 MPY65597:MPY65612 MZU65597:MZU65612 NJQ65597:NJQ65612 NTM65597:NTM65612 ODI65597:ODI65612 ONE65597:ONE65612 OXA65597:OXA65612 PGW65597:PGW65612 PQS65597:PQS65612 QAO65597:QAO65612 QKK65597:QKK65612 QUG65597:QUG65612 REC65597:REC65612 RNY65597:RNY65612 RXU65597:RXU65612 SHQ65597:SHQ65612 SRM65597:SRM65612 TBI65597:TBI65612 TLE65597:TLE65612 TVA65597:TVA65612 UEW65597:UEW65612 UOS65597:UOS65612 UYO65597:UYO65612 VIK65597:VIK65612 VSG65597:VSG65612 WCC65597:WCC65612 WLY65597:WLY65612 WVU65597:WVU65612 M131133:M131148 JI131133:JI131148 TE131133:TE131148 ADA131133:ADA131148 AMW131133:AMW131148 AWS131133:AWS131148 BGO131133:BGO131148 BQK131133:BQK131148 CAG131133:CAG131148 CKC131133:CKC131148 CTY131133:CTY131148 DDU131133:DDU131148 DNQ131133:DNQ131148 DXM131133:DXM131148 EHI131133:EHI131148 ERE131133:ERE131148 FBA131133:FBA131148 FKW131133:FKW131148 FUS131133:FUS131148 GEO131133:GEO131148 GOK131133:GOK131148 GYG131133:GYG131148 HIC131133:HIC131148 HRY131133:HRY131148 IBU131133:IBU131148 ILQ131133:ILQ131148 IVM131133:IVM131148 JFI131133:JFI131148 JPE131133:JPE131148 JZA131133:JZA131148 KIW131133:KIW131148 KSS131133:KSS131148 LCO131133:LCO131148 LMK131133:LMK131148 LWG131133:LWG131148 MGC131133:MGC131148 MPY131133:MPY131148 MZU131133:MZU131148 NJQ131133:NJQ131148 NTM131133:NTM131148 ODI131133:ODI131148 ONE131133:ONE131148 OXA131133:OXA131148 PGW131133:PGW131148 PQS131133:PQS131148 QAO131133:QAO131148 QKK131133:QKK131148 QUG131133:QUG131148 REC131133:REC131148 RNY131133:RNY131148 RXU131133:RXU131148 SHQ131133:SHQ131148 SRM131133:SRM131148 TBI131133:TBI131148 TLE131133:TLE131148 TVA131133:TVA131148 UEW131133:UEW131148 UOS131133:UOS131148 UYO131133:UYO131148 VIK131133:VIK131148 VSG131133:VSG131148 WCC131133:WCC131148 WLY131133:WLY131148 WVU131133:WVU131148 M196669:M196684 JI196669:JI196684 TE196669:TE196684 ADA196669:ADA196684 AMW196669:AMW196684 AWS196669:AWS196684 BGO196669:BGO196684 BQK196669:BQK196684 CAG196669:CAG196684 CKC196669:CKC196684 CTY196669:CTY196684 DDU196669:DDU196684 DNQ196669:DNQ196684 DXM196669:DXM196684 EHI196669:EHI196684 ERE196669:ERE196684 FBA196669:FBA196684 FKW196669:FKW196684 FUS196669:FUS196684 GEO196669:GEO196684 GOK196669:GOK196684 GYG196669:GYG196684 HIC196669:HIC196684 HRY196669:HRY196684 IBU196669:IBU196684 ILQ196669:ILQ196684 IVM196669:IVM196684 JFI196669:JFI196684 JPE196669:JPE196684 JZA196669:JZA196684 KIW196669:KIW196684 KSS196669:KSS196684 LCO196669:LCO196684 LMK196669:LMK196684 LWG196669:LWG196684 MGC196669:MGC196684 MPY196669:MPY196684 MZU196669:MZU196684 NJQ196669:NJQ196684 NTM196669:NTM196684 ODI196669:ODI196684 ONE196669:ONE196684 OXA196669:OXA196684 PGW196669:PGW196684 PQS196669:PQS196684 QAO196669:QAO196684 QKK196669:QKK196684 QUG196669:QUG196684 REC196669:REC196684 RNY196669:RNY196684 RXU196669:RXU196684 SHQ196669:SHQ196684 SRM196669:SRM196684 TBI196669:TBI196684 TLE196669:TLE196684 TVA196669:TVA196684 UEW196669:UEW196684 UOS196669:UOS196684 UYO196669:UYO196684 VIK196669:VIK196684 VSG196669:VSG196684 WCC196669:WCC196684 WLY196669:WLY196684 WVU196669:WVU196684 M262205:M262220 JI262205:JI262220 TE262205:TE262220 ADA262205:ADA262220 AMW262205:AMW262220 AWS262205:AWS262220 BGO262205:BGO262220 BQK262205:BQK262220 CAG262205:CAG262220 CKC262205:CKC262220 CTY262205:CTY262220 DDU262205:DDU262220 DNQ262205:DNQ262220 DXM262205:DXM262220 EHI262205:EHI262220 ERE262205:ERE262220 FBA262205:FBA262220 FKW262205:FKW262220 FUS262205:FUS262220 GEO262205:GEO262220 GOK262205:GOK262220 GYG262205:GYG262220 HIC262205:HIC262220 HRY262205:HRY262220 IBU262205:IBU262220 ILQ262205:ILQ262220 IVM262205:IVM262220 JFI262205:JFI262220 JPE262205:JPE262220 JZA262205:JZA262220 KIW262205:KIW262220 KSS262205:KSS262220 LCO262205:LCO262220 LMK262205:LMK262220 LWG262205:LWG262220 MGC262205:MGC262220 MPY262205:MPY262220 MZU262205:MZU262220 NJQ262205:NJQ262220 NTM262205:NTM262220 ODI262205:ODI262220 ONE262205:ONE262220 OXA262205:OXA262220 PGW262205:PGW262220 PQS262205:PQS262220 QAO262205:QAO262220 QKK262205:QKK262220 QUG262205:QUG262220 REC262205:REC262220 RNY262205:RNY262220 RXU262205:RXU262220 SHQ262205:SHQ262220 SRM262205:SRM262220 TBI262205:TBI262220 TLE262205:TLE262220 TVA262205:TVA262220 UEW262205:UEW262220 UOS262205:UOS262220 UYO262205:UYO262220 VIK262205:VIK262220 VSG262205:VSG262220 WCC262205:WCC262220 WLY262205:WLY262220 WVU262205:WVU262220 M327741:M327756 JI327741:JI327756 TE327741:TE327756 ADA327741:ADA327756 AMW327741:AMW327756 AWS327741:AWS327756 BGO327741:BGO327756 BQK327741:BQK327756 CAG327741:CAG327756 CKC327741:CKC327756 CTY327741:CTY327756 DDU327741:DDU327756 DNQ327741:DNQ327756 DXM327741:DXM327756 EHI327741:EHI327756 ERE327741:ERE327756 FBA327741:FBA327756 FKW327741:FKW327756 FUS327741:FUS327756 GEO327741:GEO327756 GOK327741:GOK327756 GYG327741:GYG327756 HIC327741:HIC327756 HRY327741:HRY327756 IBU327741:IBU327756 ILQ327741:ILQ327756 IVM327741:IVM327756 JFI327741:JFI327756 JPE327741:JPE327756 JZA327741:JZA327756 KIW327741:KIW327756 KSS327741:KSS327756 LCO327741:LCO327756 LMK327741:LMK327756 LWG327741:LWG327756 MGC327741:MGC327756 MPY327741:MPY327756 MZU327741:MZU327756 NJQ327741:NJQ327756 NTM327741:NTM327756 ODI327741:ODI327756 ONE327741:ONE327756 OXA327741:OXA327756 PGW327741:PGW327756 PQS327741:PQS327756 QAO327741:QAO327756 QKK327741:QKK327756 QUG327741:QUG327756 REC327741:REC327756 RNY327741:RNY327756 RXU327741:RXU327756 SHQ327741:SHQ327756 SRM327741:SRM327756 TBI327741:TBI327756 TLE327741:TLE327756 TVA327741:TVA327756 UEW327741:UEW327756 UOS327741:UOS327756 UYO327741:UYO327756 VIK327741:VIK327756 VSG327741:VSG327756 WCC327741:WCC327756 WLY327741:WLY327756 WVU327741:WVU327756 M393277:M393292 JI393277:JI393292 TE393277:TE393292 ADA393277:ADA393292 AMW393277:AMW393292 AWS393277:AWS393292 BGO393277:BGO393292 BQK393277:BQK393292 CAG393277:CAG393292 CKC393277:CKC393292 CTY393277:CTY393292 DDU393277:DDU393292 DNQ393277:DNQ393292 DXM393277:DXM393292 EHI393277:EHI393292 ERE393277:ERE393292 FBA393277:FBA393292 FKW393277:FKW393292 FUS393277:FUS393292 GEO393277:GEO393292 GOK393277:GOK393292 GYG393277:GYG393292 HIC393277:HIC393292 HRY393277:HRY393292 IBU393277:IBU393292 ILQ393277:ILQ393292 IVM393277:IVM393292 JFI393277:JFI393292 JPE393277:JPE393292 JZA393277:JZA393292 KIW393277:KIW393292 KSS393277:KSS393292 LCO393277:LCO393292 LMK393277:LMK393292 LWG393277:LWG393292 MGC393277:MGC393292 MPY393277:MPY393292 MZU393277:MZU393292 NJQ393277:NJQ393292 NTM393277:NTM393292 ODI393277:ODI393292 ONE393277:ONE393292 OXA393277:OXA393292 PGW393277:PGW393292 PQS393277:PQS393292 QAO393277:QAO393292 QKK393277:QKK393292 QUG393277:QUG393292 REC393277:REC393292 RNY393277:RNY393292 RXU393277:RXU393292 SHQ393277:SHQ393292 SRM393277:SRM393292 TBI393277:TBI393292 TLE393277:TLE393292 TVA393277:TVA393292 UEW393277:UEW393292 UOS393277:UOS393292 UYO393277:UYO393292 VIK393277:VIK393292 VSG393277:VSG393292 WCC393277:WCC393292 WLY393277:WLY393292 WVU393277:WVU393292 M458813:M458828 JI458813:JI458828 TE458813:TE458828 ADA458813:ADA458828 AMW458813:AMW458828 AWS458813:AWS458828 BGO458813:BGO458828 BQK458813:BQK458828 CAG458813:CAG458828 CKC458813:CKC458828 CTY458813:CTY458828 DDU458813:DDU458828 DNQ458813:DNQ458828 DXM458813:DXM458828 EHI458813:EHI458828 ERE458813:ERE458828 FBA458813:FBA458828 FKW458813:FKW458828 FUS458813:FUS458828 GEO458813:GEO458828 GOK458813:GOK458828 GYG458813:GYG458828 HIC458813:HIC458828 HRY458813:HRY458828 IBU458813:IBU458828 ILQ458813:ILQ458828 IVM458813:IVM458828 JFI458813:JFI458828 JPE458813:JPE458828 JZA458813:JZA458828 KIW458813:KIW458828 KSS458813:KSS458828 LCO458813:LCO458828 LMK458813:LMK458828 LWG458813:LWG458828 MGC458813:MGC458828 MPY458813:MPY458828 MZU458813:MZU458828 NJQ458813:NJQ458828 NTM458813:NTM458828 ODI458813:ODI458828 ONE458813:ONE458828 OXA458813:OXA458828 PGW458813:PGW458828 PQS458813:PQS458828 QAO458813:QAO458828 QKK458813:QKK458828 QUG458813:QUG458828 REC458813:REC458828 RNY458813:RNY458828 RXU458813:RXU458828 SHQ458813:SHQ458828 SRM458813:SRM458828 TBI458813:TBI458828 TLE458813:TLE458828 TVA458813:TVA458828 UEW458813:UEW458828 UOS458813:UOS458828 UYO458813:UYO458828 VIK458813:VIK458828 VSG458813:VSG458828 WCC458813:WCC458828 WLY458813:WLY458828 WVU458813:WVU458828 M524349:M524364 JI524349:JI524364 TE524349:TE524364 ADA524349:ADA524364 AMW524349:AMW524364 AWS524349:AWS524364 BGO524349:BGO524364 BQK524349:BQK524364 CAG524349:CAG524364 CKC524349:CKC524364 CTY524349:CTY524364 DDU524349:DDU524364 DNQ524349:DNQ524364 DXM524349:DXM524364 EHI524349:EHI524364 ERE524349:ERE524364 FBA524349:FBA524364 FKW524349:FKW524364 FUS524349:FUS524364 GEO524349:GEO524364 GOK524349:GOK524364 GYG524349:GYG524364 HIC524349:HIC524364 HRY524349:HRY524364 IBU524349:IBU524364 ILQ524349:ILQ524364 IVM524349:IVM524364 JFI524349:JFI524364 JPE524349:JPE524364 JZA524349:JZA524364 KIW524349:KIW524364 KSS524349:KSS524364 LCO524349:LCO524364 LMK524349:LMK524364 LWG524349:LWG524364 MGC524349:MGC524364 MPY524349:MPY524364 MZU524349:MZU524364 NJQ524349:NJQ524364 NTM524349:NTM524364 ODI524349:ODI524364 ONE524349:ONE524364 OXA524349:OXA524364 PGW524349:PGW524364 PQS524349:PQS524364 QAO524349:QAO524364 QKK524349:QKK524364 QUG524349:QUG524364 REC524349:REC524364 RNY524349:RNY524364 RXU524349:RXU524364 SHQ524349:SHQ524364 SRM524349:SRM524364 TBI524349:TBI524364 TLE524349:TLE524364 TVA524349:TVA524364 UEW524349:UEW524364 UOS524349:UOS524364 UYO524349:UYO524364 VIK524349:VIK524364 VSG524349:VSG524364 WCC524349:WCC524364 WLY524349:WLY524364 WVU524349:WVU524364 M589885:M589900 JI589885:JI589900 TE589885:TE589900 ADA589885:ADA589900 AMW589885:AMW589900 AWS589885:AWS589900 BGO589885:BGO589900 BQK589885:BQK589900 CAG589885:CAG589900 CKC589885:CKC589900 CTY589885:CTY589900 DDU589885:DDU589900 DNQ589885:DNQ589900 DXM589885:DXM589900 EHI589885:EHI589900 ERE589885:ERE589900 FBA589885:FBA589900 FKW589885:FKW589900 FUS589885:FUS589900 GEO589885:GEO589900 GOK589885:GOK589900 GYG589885:GYG589900 HIC589885:HIC589900 HRY589885:HRY589900 IBU589885:IBU589900 ILQ589885:ILQ589900 IVM589885:IVM589900 JFI589885:JFI589900 JPE589885:JPE589900 JZA589885:JZA589900 KIW589885:KIW589900 KSS589885:KSS589900 LCO589885:LCO589900 LMK589885:LMK589900 LWG589885:LWG589900 MGC589885:MGC589900 MPY589885:MPY589900 MZU589885:MZU589900 NJQ589885:NJQ589900 NTM589885:NTM589900 ODI589885:ODI589900 ONE589885:ONE589900 OXA589885:OXA589900 PGW589885:PGW589900 PQS589885:PQS589900 QAO589885:QAO589900 QKK589885:QKK589900 QUG589885:QUG589900 REC589885:REC589900 RNY589885:RNY589900 RXU589885:RXU589900 SHQ589885:SHQ589900 SRM589885:SRM589900 TBI589885:TBI589900 TLE589885:TLE589900 TVA589885:TVA589900 UEW589885:UEW589900 UOS589885:UOS589900 UYO589885:UYO589900 VIK589885:VIK589900 VSG589885:VSG589900 WCC589885:WCC589900 WLY589885:WLY589900 WVU589885:WVU589900 M655421:M655436 JI655421:JI655436 TE655421:TE655436 ADA655421:ADA655436 AMW655421:AMW655436 AWS655421:AWS655436 BGO655421:BGO655436 BQK655421:BQK655436 CAG655421:CAG655436 CKC655421:CKC655436 CTY655421:CTY655436 DDU655421:DDU655436 DNQ655421:DNQ655436 DXM655421:DXM655436 EHI655421:EHI655436 ERE655421:ERE655436 FBA655421:FBA655436 FKW655421:FKW655436 FUS655421:FUS655436 GEO655421:GEO655436 GOK655421:GOK655436 GYG655421:GYG655436 HIC655421:HIC655436 HRY655421:HRY655436 IBU655421:IBU655436 ILQ655421:ILQ655436 IVM655421:IVM655436 JFI655421:JFI655436 JPE655421:JPE655436 JZA655421:JZA655436 KIW655421:KIW655436 KSS655421:KSS655436 LCO655421:LCO655436 LMK655421:LMK655436 LWG655421:LWG655436 MGC655421:MGC655436 MPY655421:MPY655436 MZU655421:MZU655436 NJQ655421:NJQ655436 NTM655421:NTM655436 ODI655421:ODI655436 ONE655421:ONE655436 OXA655421:OXA655436 PGW655421:PGW655436 PQS655421:PQS655436 QAO655421:QAO655436 QKK655421:QKK655436 QUG655421:QUG655436 REC655421:REC655436 RNY655421:RNY655436 RXU655421:RXU655436 SHQ655421:SHQ655436 SRM655421:SRM655436 TBI655421:TBI655436 TLE655421:TLE655436 TVA655421:TVA655436 UEW655421:UEW655436 UOS655421:UOS655436 UYO655421:UYO655436 VIK655421:VIK655436 VSG655421:VSG655436 WCC655421:WCC655436 WLY655421:WLY655436 WVU655421:WVU655436 M720957:M720972 JI720957:JI720972 TE720957:TE720972 ADA720957:ADA720972 AMW720957:AMW720972 AWS720957:AWS720972 BGO720957:BGO720972 BQK720957:BQK720972 CAG720957:CAG720972 CKC720957:CKC720972 CTY720957:CTY720972 DDU720957:DDU720972 DNQ720957:DNQ720972 DXM720957:DXM720972 EHI720957:EHI720972 ERE720957:ERE720972 FBA720957:FBA720972 FKW720957:FKW720972 FUS720957:FUS720972 GEO720957:GEO720972 GOK720957:GOK720972 GYG720957:GYG720972 HIC720957:HIC720972 HRY720957:HRY720972 IBU720957:IBU720972 ILQ720957:ILQ720972 IVM720957:IVM720972 JFI720957:JFI720972 JPE720957:JPE720972 JZA720957:JZA720972 KIW720957:KIW720972 KSS720957:KSS720972 LCO720957:LCO720972 LMK720957:LMK720972 LWG720957:LWG720972 MGC720957:MGC720972 MPY720957:MPY720972 MZU720957:MZU720972 NJQ720957:NJQ720972 NTM720957:NTM720972 ODI720957:ODI720972 ONE720957:ONE720972 OXA720957:OXA720972 PGW720957:PGW720972 PQS720957:PQS720972 QAO720957:QAO720972 QKK720957:QKK720972 QUG720957:QUG720972 REC720957:REC720972 RNY720957:RNY720972 RXU720957:RXU720972 SHQ720957:SHQ720972 SRM720957:SRM720972 TBI720957:TBI720972 TLE720957:TLE720972 TVA720957:TVA720972 UEW720957:UEW720972 UOS720957:UOS720972 UYO720957:UYO720972 VIK720957:VIK720972 VSG720957:VSG720972 WCC720957:WCC720972 WLY720957:WLY720972 WVU720957:WVU720972 M786493:M786508 JI786493:JI786508 TE786493:TE786508 ADA786493:ADA786508 AMW786493:AMW786508 AWS786493:AWS786508 BGO786493:BGO786508 BQK786493:BQK786508 CAG786493:CAG786508 CKC786493:CKC786508 CTY786493:CTY786508 DDU786493:DDU786508 DNQ786493:DNQ786508 DXM786493:DXM786508 EHI786493:EHI786508 ERE786493:ERE786508 FBA786493:FBA786508 FKW786493:FKW786508 FUS786493:FUS786508 GEO786493:GEO786508 GOK786493:GOK786508 GYG786493:GYG786508 HIC786493:HIC786508 HRY786493:HRY786508 IBU786493:IBU786508 ILQ786493:ILQ786508 IVM786493:IVM786508 JFI786493:JFI786508 JPE786493:JPE786508 JZA786493:JZA786508 KIW786493:KIW786508 KSS786493:KSS786508 LCO786493:LCO786508 LMK786493:LMK786508 LWG786493:LWG786508 MGC786493:MGC786508 MPY786493:MPY786508 MZU786493:MZU786508 NJQ786493:NJQ786508 NTM786493:NTM786508 ODI786493:ODI786508 ONE786493:ONE786508 OXA786493:OXA786508 PGW786493:PGW786508 PQS786493:PQS786508 QAO786493:QAO786508 QKK786493:QKK786508 QUG786493:QUG786508 REC786493:REC786508 RNY786493:RNY786508 RXU786493:RXU786508 SHQ786493:SHQ786508 SRM786493:SRM786508 TBI786493:TBI786508 TLE786493:TLE786508 TVA786493:TVA786508 UEW786493:UEW786508 UOS786493:UOS786508 UYO786493:UYO786508 VIK786493:VIK786508 VSG786493:VSG786508 WCC786493:WCC786508 WLY786493:WLY786508 WVU786493:WVU786508 M852029:M852044 JI852029:JI852044 TE852029:TE852044 ADA852029:ADA852044 AMW852029:AMW852044 AWS852029:AWS852044 BGO852029:BGO852044 BQK852029:BQK852044 CAG852029:CAG852044 CKC852029:CKC852044 CTY852029:CTY852044 DDU852029:DDU852044 DNQ852029:DNQ852044 DXM852029:DXM852044 EHI852029:EHI852044 ERE852029:ERE852044 FBA852029:FBA852044 FKW852029:FKW852044 FUS852029:FUS852044 GEO852029:GEO852044 GOK852029:GOK852044 GYG852029:GYG852044 HIC852029:HIC852044 HRY852029:HRY852044 IBU852029:IBU852044 ILQ852029:ILQ852044 IVM852029:IVM852044 JFI852029:JFI852044 JPE852029:JPE852044 JZA852029:JZA852044 KIW852029:KIW852044 KSS852029:KSS852044 LCO852029:LCO852044 LMK852029:LMK852044 LWG852029:LWG852044 MGC852029:MGC852044 MPY852029:MPY852044 MZU852029:MZU852044 NJQ852029:NJQ852044 NTM852029:NTM852044 ODI852029:ODI852044 ONE852029:ONE852044 OXA852029:OXA852044 PGW852029:PGW852044 PQS852029:PQS852044 QAO852029:QAO852044 QKK852029:QKK852044 QUG852029:QUG852044 REC852029:REC852044 RNY852029:RNY852044 RXU852029:RXU852044 SHQ852029:SHQ852044 SRM852029:SRM852044 TBI852029:TBI852044 TLE852029:TLE852044 TVA852029:TVA852044 UEW852029:UEW852044 UOS852029:UOS852044 UYO852029:UYO852044 VIK852029:VIK852044 VSG852029:VSG852044 WCC852029:WCC852044 WLY852029:WLY852044 WVU852029:WVU852044 M917565:M917580 JI917565:JI917580 TE917565:TE917580 ADA917565:ADA917580 AMW917565:AMW917580 AWS917565:AWS917580 BGO917565:BGO917580 BQK917565:BQK917580 CAG917565:CAG917580 CKC917565:CKC917580 CTY917565:CTY917580 DDU917565:DDU917580 DNQ917565:DNQ917580 DXM917565:DXM917580 EHI917565:EHI917580 ERE917565:ERE917580 FBA917565:FBA917580 FKW917565:FKW917580 FUS917565:FUS917580 GEO917565:GEO917580 GOK917565:GOK917580 GYG917565:GYG917580 HIC917565:HIC917580 HRY917565:HRY917580 IBU917565:IBU917580 ILQ917565:ILQ917580 IVM917565:IVM917580 JFI917565:JFI917580 JPE917565:JPE917580 JZA917565:JZA917580 KIW917565:KIW917580 KSS917565:KSS917580 LCO917565:LCO917580 LMK917565:LMK917580 LWG917565:LWG917580 MGC917565:MGC917580 MPY917565:MPY917580 MZU917565:MZU917580 NJQ917565:NJQ917580 NTM917565:NTM917580 ODI917565:ODI917580 ONE917565:ONE917580 OXA917565:OXA917580 PGW917565:PGW917580 PQS917565:PQS917580 QAO917565:QAO917580 QKK917565:QKK917580 QUG917565:QUG917580 REC917565:REC917580 RNY917565:RNY917580 RXU917565:RXU917580 SHQ917565:SHQ917580 SRM917565:SRM917580 TBI917565:TBI917580 TLE917565:TLE917580 TVA917565:TVA917580 UEW917565:UEW917580 UOS917565:UOS917580 UYO917565:UYO917580 VIK917565:VIK917580 VSG917565:VSG917580 WCC917565:WCC917580 WLY917565:WLY917580 WVU917565:WVU917580 M983101:M983116 JI983101:JI983116 TE983101:TE983116 ADA983101:ADA983116 AMW983101:AMW983116 AWS983101:AWS983116 BGO983101:BGO983116 BQK983101:BQK983116 CAG983101:CAG983116 CKC983101:CKC983116 CTY983101:CTY983116 DDU983101:DDU983116 DNQ983101:DNQ983116 DXM983101:DXM983116 EHI983101:EHI983116 ERE983101:ERE983116 FBA983101:FBA983116 FKW983101:FKW983116 FUS983101:FUS983116 GEO983101:GEO983116 GOK983101:GOK983116 GYG983101:GYG983116 HIC983101:HIC983116 HRY983101:HRY983116 IBU983101:IBU983116 ILQ983101:ILQ983116 IVM983101:IVM983116 JFI983101:JFI983116 JPE983101:JPE983116 JZA983101:JZA983116 KIW983101:KIW983116 KSS983101:KSS983116 LCO983101:LCO983116 LMK983101:LMK983116 LWG983101:LWG983116 MGC983101:MGC983116 MPY983101:MPY983116 MZU983101:MZU983116 NJQ983101:NJQ983116 NTM983101:NTM983116 ODI983101:ODI983116 ONE983101:ONE983116 OXA983101:OXA983116 PGW983101:PGW983116 PQS983101:PQS983116 QAO983101:QAO983116 QKK983101:QKK983116 QUG983101:QUG983116 REC983101:REC983116 RNY983101:RNY983116 RXU983101:RXU983116 SHQ983101:SHQ983116 SRM983101:SRM983116 TBI983101:TBI983116 TLE983101:TLE983116 TVA983101:TVA983116 UEW983101:UEW983116 UOS983101:UOS983116 UYO983101:UYO983116 VIK983101:VIK983116 VSG983101:VSG983116 WCC983101:WCC983116 WLY983101:WLY983116 WVU983101:WVU983116" xr:uid="{A1D0C954-4894-488C-89F4-41DAADD60F8F}">
      <formula1>$R$3:$R$6</formula1>
    </dataValidation>
  </dataValidations>
  <pageMargins left="0.82677165354330717" right="0.62992125984251968" top="0.55118110236220474" bottom="0.35433070866141736" header="0.31496062992125984" footer="0.31496062992125984"/>
  <pageSetup paperSize="9" scale="89" fitToHeight="0" orientation="portrait" horizontalDpi="300" verticalDpi="300" r:id="rId1"/>
  <headerFooter differentFirst="1" alignWithMargins="0">
    <oddFooter>&amp;C&amp;P</oddFooter>
    <firstFooter>&amp;C1</firstFooter>
  </headerFooter>
  <rowBreaks count="3" manualBreakCount="3">
    <brk id="17" max="12" man="1"/>
    <brk id="39" max="12" man="1"/>
    <brk id="63" max="12" man="1"/>
  </rowBreaks>
  <drawing r:id="rId2"/>
  <legacyDrawing r:id="rId3"/>
  <mc:AlternateContent xmlns:mc="http://schemas.openxmlformats.org/markup-compatibility/2006">
    <mc:Choice Requires="x14">
      <controls>
        <mc:AlternateContent xmlns:mc="http://schemas.openxmlformats.org/markup-compatibility/2006">
          <mc:Choice Requires="x14">
            <control shapeId="21505" r:id="rId4" name="Option Button 1">
              <controlPr defaultSize="0" autoFill="0" autoLine="0" autoPict="0">
                <anchor moveWithCells="1">
                  <from>
                    <xdr:col>4</xdr:col>
                    <xdr:colOff>45720</xdr:colOff>
                    <xdr:row>20</xdr:row>
                    <xdr:rowOff>114300</xdr:rowOff>
                  </from>
                  <to>
                    <xdr:col>5</xdr:col>
                    <xdr:colOff>45720</xdr:colOff>
                    <xdr:row>20</xdr:row>
                    <xdr:rowOff>365760</xdr:rowOff>
                  </to>
                </anchor>
              </controlPr>
            </control>
          </mc:Choice>
        </mc:AlternateContent>
        <mc:AlternateContent xmlns:mc="http://schemas.openxmlformats.org/markup-compatibility/2006">
          <mc:Choice Requires="x14">
            <control shapeId="21506" r:id="rId5" name="Option Button 2">
              <controlPr defaultSize="0" autoFill="0" autoLine="0" autoPict="0">
                <anchor moveWithCells="1">
                  <from>
                    <xdr:col>4</xdr:col>
                    <xdr:colOff>45720</xdr:colOff>
                    <xdr:row>22</xdr:row>
                    <xdr:rowOff>114300</xdr:rowOff>
                  </from>
                  <to>
                    <xdr:col>5</xdr:col>
                    <xdr:colOff>45720</xdr:colOff>
                    <xdr:row>22</xdr:row>
                    <xdr:rowOff>365760</xdr:rowOff>
                  </to>
                </anchor>
              </controlPr>
            </control>
          </mc:Choice>
        </mc:AlternateContent>
        <mc:AlternateContent xmlns:mc="http://schemas.openxmlformats.org/markup-compatibility/2006">
          <mc:Choice Requires="x14">
            <control shapeId="21507" r:id="rId6" name="Option Button 3">
              <controlPr defaultSize="0" autoFill="0" autoLine="0" autoPict="0">
                <anchor moveWithCells="1">
                  <from>
                    <xdr:col>4</xdr:col>
                    <xdr:colOff>45720</xdr:colOff>
                    <xdr:row>23</xdr:row>
                    <xdr:rowOff>114300</xdr:rowOff>
                  </from>
                  <to>
                    <xdr:col>5</xdr:col>
                    <xdr:colOff>45720</xdr:colOff>
                    <xdr:row>23</xdr:row>
                    <xdr:rowOff>365760</xdr:rowOff>
                  </to>
                </anchor>
              </controlPr>
            </control>
          </mc:Choice>
        </mc:AlternateContent>
        <mc:AlternateContent xmlns:mc="http://schemas.openxmlformats.org/markup-compatibility/2006">
          <mc:Choice Requires="x14">
            <control shapeId="21508" r:id="rId7" name="Option Button 4">
              <controlPr defaultSize="0" autoFill="0" autoLine="0" autoPict="0">
                <anchor moveWithCells="1">
                  <from>
                    <xdr:col>4</xdr:col>
                    <xdr:colOff>45720</xdr:colOff>
                    <xdr:row>24</xdr:row>
                    <xdr:rowOff>7620</xdr:rowOff>
                  </from>
                  <to>
                    <xdr:col>5</xdr:col>
                    <xdr:colOff>45720</xdr:colOff>
                    <xdr:row>25</xdr:row>
                    <xdr:rowOff>22860</xdr:rowOff>
                  </to>
                </anchor>
              </controlPr>
            </control>
          </mc:Choice>
        </mc:AlternateContent>
        <mc:AlternateContent xmlns:mc="http://schemas.openxmlformats.org/markup-compatibility/2006">
          <mc:Choice Requires="x14">
            <control shapeId="21509" r:id="rId8" name="Option Button 5">
              <controlPr defaultSize="0" autoFill="0" autoLine="0" autoPict="0">
                <anchor moveWithCells="1">
                  <from>
                    <xdr:col>4</xdr:col>
                    <xdr:colOff>45720</xdr:colOff>
                    <xdr:row>25</xdr:row>
                    <xdr:rowOff>38100</xdr:rowOff>
                  </from>
                  <to>
                    <xdr:col>5</xdr:col>
                    <xdr:colOff>45720</xdr:colOff>
                    <xdr:row>25</xdr:row>
                    <xdr:rowOff>297180</xdr:rowOff>
                  </to>
                </anchor>
              </controlPr>
            </control>
          </mc:Choice>
        </mc:AlternateContent>
        <mc:AlternateContent xmlns:mc="http://schemas.openxmlformats.org/markup-compatibility/2006">
          <mc:Choice Requires="x14">
            <control shapeId="21510" r:id="rId9" name="Option Button 6">
              <controlPr defaultSize="0" autoFill="0" autoLine="0" autoPict="0">
                <anchor moveWithCells="1">
                  <from>
                    <xdr:col>4</xdr:col>
                    <xdr:colOff>60960</xdr:colOff>
                    <xdr:row>27</xdr:row>
                    <xdr:rowOff>312420</xdr:rowOff>
                  </from>
                  <to>
                    <xdr:col>5</xdr:col>
                    <xdr:colOff>45720</xdr:colOff>
                    <xdr:row>27</xdr:row>
                    <xdr:rowOff>571500</xdr:rowOff>
                  </to>
                </anchor>
              </controlPr>
            </control>
          </mc:Choice>
        </mc:AlternateContent>
        <mc:AlternateContent xmlns:mc="http://schemas.openxmlformats.org/markup-compatibility/2006">
          <mc:Choice Requires="x14">
            <control shapeId="21511" r:id="rId10" name="Option Button 7">
              <controlPr defaultSize="0" autoFill="0" autoLine="0" autoPict="0">
                <anchor moveWithCells="1">
                  <from>
                    <xdr:col>4</xdr:col>
                    <xdr:colOff>60960</xdr:colOff>
                    <xdr:row>28</xdr:row>
                    <xdr:rowOff>114300</xdr:rowOff>
                  </from>
                  <to>
                    <xdr:col>5</xdr:col>
                    <xdr:colOff>45720</xdr:colOff>
                    <xdr:row>28</xdr:row>
                    <xdr:rowOff>365760</xdr:rowOff>
                  </to>
                </anchor>
              </controlPr>
            </control>
          </mc:Choice>
        </mc:AlternateContent>
        <mc:AlternateContent xmlns:mc="http://schemas.openxmlformats.org/markup-compatibility/2006">
          <mc:Choice Requires="x14">
            <control shapeId="21512" r:id="rId11" name="Option Button 8">
              <controlPr defaultSize="0" autoFill="0" autoLine="0" autoPict="0">
                <anchor moveWithCells="1">
                  <from>
                    <xdr:col>4</xdr:col>
                    <xdr:colOff>60960</xdr:colOff>
                    <xdr:row>29</xdr:row>
                    <xdr:rowOff>213360</xdr:rowOff>
                  </from>
                  <to>
                    <xdr:col>5</xdr:col>
                    <xdr:colOff>45720</xdr:colOff>
                    <xdr:row>29</xdr:row>
                    <xdr:rowOff>464820</xdr:rowOff>
                  </to>
                </anchor>
              </controlPr>
            </control>
          </mc:Choice>
        </mc:AlternateContent>
        <mc:AlternateContent xmlns:mc="http://schemas.openxmlformats.org/markup-compatibility/2006">
          <mc:Choice Requires="x14">
            <control shapeId="21513" r:id="rId12" name="Option Button 9">
              <controlPr defaultSize="0" autoFill="0" autoLine="0" autoPict="0">
                <anchor moveWithCells="1">
                  <from>
                    <xdr:col>4</xdr:col>
                    <xdr:colOff>45720</xdr:colOff>
                    <xdr:row>21</xdr:row>
                    <xdr:rowOff>22860</xdr:rowOff>
                  </from>
                  <to>
                    <xdr:col>5</xdr:col>
                    <xdr:colOff>45720</xdr:colOff>
                    <xdr:row>22</xdr:row>
                    <xdr:rowOff>38100</xdr:rowOff>
                  </to>
                </anchor>
              </controlPr>
            </control>
          </mc:Choice>
        </mc:AlternateContent>
        <mc:AlternateContent xmlns:mc="http://schemas.openxmlformats.org/markup-compatibility/2006">
          <mc:Choice Requires="x14">
            <control shapeId="21514" r:id="rId13" name="Option Button 10">
              <controlPr defaultSize="0" autoFill="0" autoLine="0" autoPict="0">
                <anchor moveWithCells="1">
                  <from>
                    <xdr:col>4</xdr:col>
                    <xdr:colOff>60960</xdr:colOff>
                    <xdr:row>26</xdr:row>
                    <xdr:rowOff>121920</xdr:rowOff>
                  </from>
                  <to>
                    <xdr:col>5</xdr:col>
                    <xdr:colOff>45720</xdr:colOff>
                    <xdr:row>26</xdr:row>
                    <xdr:rowOff>381000</xdr:rowOff>
                  </to>
                </anchor>
              </controlPr>
            </control>
          </mc:Choice>
        </mc:AlternateContent>
        <mc:AlternateContent xmlns:mc="http://schemas.openxmlformats.org/markup-compatibility/2006">
          <mc:Choice Requires="x14">
            <control shapeId="21515" r:id="rId14" name="Option Button 11">
              <controlPr defaultSize="0" autoFill="0" autoLine="0" autoPict="0">
                <anchor moveWithCells="1">
                  <from>
                    <xdr:col>3</xdr:col>
                    <xdr:colOff>45720</xdr:colOff>
                    <xdr:row>60</xdr:row>
                    <xdr:rowOff>7620</xdr:rowOff>
                  </from>
                  <to>
                    <xdr:col>4</xdr:col>
                    <xdr:colOff>45720</xdr:colOff>
                    <xdr:row>61</xdr:row>
                    <xdr:rowOff>22860</xdr:rowOff>
                  </to>
                </anchor>
              </controlPr>
            </control>
          </mc:Choice>
        </mc:AlternateContent>
        <mc:AlternateContent xmlns:mc="http://schemas.openxmlformats.org/markup-compatibility/2006">
          <mc:Choice Requires="x14">
            <control shapeId="21516" r:id="rId15" name="Option Button 12">
              <controlPr defaultSize="0" autoFill="0" autoLine="0" autoPict="0">
                <anchor moveWithCells="1">
                  <from>
                    <xdr:col>3</xdr:col>
                    <xdr:colOff>45720</xdr:colOff>
                    <xdr:row>62</xdr:row>
                    <xdr:rowOff>106680</xdr:rowOff>
                  </from>
                  <to>
                    <xdr:col>4</xdr:col>
                    <xdr:colOff>45720</xdr:colOff>
                    <xdr:row>62</xdr:row>
                    <xdr:rowOff>365760</xdr:rowOff>
                  </to>
                </anchor>
              </controlPr>
            </control>
          </mc:Choice>
        </mc:AlternateContent>
        <mc:AlternateContent xmlns:mc="http://schemas.openxmlformats.org/markup-compatibility/2006">
          <mc:Choice Requires="x14">
            <control shapeId="21517" r:id="rId16" name="Option Button 13">
              <controlPr defaultSize="0" autoFill="0" autoLine="0" autoPict="0">
                <anchor moveWithCells="1">
                  <from>
                    <xdr:col>3</xdr:col>
                    <xdr:colOff>45720</xdr:colOff>
                    <xdr:row>61</xdr:row>
                    <xdr:rowOff>114300</xdr:rowOff>
                  </from>
                  <to>
                    <xdr:col>4</xdr:col>
                    <xdr:colOff>45720</xdr:colOff>
                    <xdr:row>61</xdr:row>
                    <xdr:rowOff>373380</xdr:rowOff>
                  </to>
                </anchor>
              </controlPr>
            </control>
          </mc:Choice>
        </mc:AlternateContent>
        <mc:AlternateContent xmlns:mc="http://schemas.openxmlformats.org/markup-compatibility/2006">
          <mc:Choice Requires="x14">
            <control shapeId="21518" r:id="rId17" name="Option Button 14">
              <controlPr defaultSize="0" autoFill="0" autoLine="0" autoPict="0">
                <anchor moveWithCells="1">
                  <from>
                    <xdr:col>2</xdr:col>
                    <xdr:colOff>274320</xdr:colOff>
                    <xdr:row>57</xdr:row>
                    <xdr:rowOff>335280</xdr:rowOff>
                  </from>
                  <to>
                    <xdr:col>3</xdr:col>
                    <xdr:colOff>274320</xdr:colOff>
                    <xdr:row>57</xdr:row>
                    <xdr:rowOff>594360</xdr:rowOff>
                  </to>
                </anchor>
              </controlPr>
            </control>
          </mc:Choice>
        </mc:AlternateContent>
        <mc:AlternateContent xmlns:mc="http://schemas.openxmlformats.org/markup-compatibility/2006">
          <mc:Choice Requires="x14">
            <control shapeId="21519" r:id="rId18" name="Option Button 15">
              <controlPr defaultSize="0" autoFill="0" autoLine="0" autoPict="0">
                <anchor moveWithCells="1">
                  <from>
                    <xdr:col>2</xdr:col>
                    <xdr:colOff>274320</xdr:colOff>
                    <xdr:row>57</xdr:row>
                    <xdr:rowOff>518160</xdr:rowOff>
                  </from>
                  <to>
                    <xdr:col>3</xdr:col>
                    <xdr:colOff>274320</xdr:colOff>
                    <xdr:row>58</xdr:row>
                    <xdr:rowOff>7620</xdr:rowOff>
                  </to>
                </anchor>
              </controlPr>
            </control>
          </mc:Choice>
        </mc:AlternateContent>
        <mc:AlternateContent xmlns:mc="http://schemas.openxmlformats.org/markup-compatibility/2006">
          <mc:Choice Requires="x14">
            <control shapeId="21520" r:id="rId19" name="Option Button 16">
              <controlPr defaultSize="0" autoFill="0" autoLine="0" autoPict="0">
                <anchor moveWithCells="1">
                  <from>
                    <xdr:col>10</xdr:col>
                    <xdr:colOff>60960</xdr:colOff>
                    <xdr:row>57</xdr:row>
                    <xdr:rowOff>335280</xdr:rowOff>
                  </from>
                  <to>
                    <xdr:col>10</xdr:col>
                    <xdr:colOff>365760</xdr:colOff>
                    <xdr:row>57</xdr:row>
                    <xdr:rowOff>594360</xdr:rowOff>
                  </to>
                </anchor>
              </controlPr>
            </control>
          </mc:Choice>
        </mc:AlternateContent>
        <mc:AlternateContent xmlns:mc="http://schemas.openxmlformats.org/markup-compatibility/2006">
          <mc:Choice Requires="x14">
            <control shapeId="21521" r:id="rId20" name="Option Button 17">
              <controlPr defaultSize="0" autoFill="0" autoLine="0" autoPict="0">
                <anchor moveWithCells="1">
                  <from>
                    <xdr:col>10</xdr:col>
                    <xdr:colOff>45720</xdr:colOff>
                    <xdr:row>57</xdr:row>
                    <xdr:rowOff>518160</xdr:rowOff>
                  </from>
                  <to>
                    <xdr:col>10</xdr:col>
                    <xdr:colOff>350520</xdr:colOff>
                    <xdr:row>58</xdr:row>
                    <xdr:rowOff>762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C199052-0FD9-4A54-8E70-FA0BBC8DB426}">
  <dimension ref="B1:J92"/>
  <sheetViews>
    <sheetView topLeftCell="A28" workbookViewId="0">
      <selection activeCell="F12" sqref="F12:J13"/>
    </sheetView>
  </sheetViews>
  <sheetFormatPr defaultColWidth="9" defaultRowHeight="13.2" x14ac:dyDescent="0.45"/>
  <cols>
    <col min="1" max="1" width="1.19921875" style="41" customWidth="1"/>
    <col min="2" max="2" width="4.3984375" style="41" customWidth="1"/>
    <col min="3" max="3" width="5" style="41" customWidth="1"/>
    <col min="4" max="4" width="6.19921875" style="41" customWidth="1"/>
    <col min="5" max="5" width="17.3984375" style="41" customWidth="1"/>
    <col min="6" max="6" width="13.09765625" style="41" customWidth="1"/>
    <col min="7" max="7" width="4.3984375" style="41" customWidth="1"/>
    <col min="8" max="8" width="9.69921875" style="41" customWidth="1"/>
    <col min="9" max="9" width="23.5" style="41" customWidth="1"/>
    <col min="10" max="10" width="7.5" style="41" customWidth="1"/>
    <col min="11" max="11" width="3.8984375" style="41" customWidth="1"/>
    <col min="12" max="16384" width="9" style="41"/>
  </cols>
  <sheetData>
    <row r="1" spans="2:10" ht="26.25" customHeight="1" x14ac:dyDescent="0.45">
      <c r="I1" s="41" t="s">
        <v>95</v>
      </c>
    </row>
    <row r="2" spans="2:10" ht="18.75" customHeight="1" x14ac:dyDescent="0.45">
      <c r="B2" s="192" t="s">
        <v>191</v>
      </c>
      <c r="C2" s="193"/>
      <c r="D2" s="193"/>
      <c r="E2" s="193"/>
      <c r="F2" s="193"/>
      <c r="G2" s="193"/>
      <c r="H2" s="193"/>
      <c r="I2" s="193"/>
      <c r="J2" s="193"/>
    </row>
    <row r="3" spans="2:10" ht="14.4" x14ac:dyDescent="0.45">
      <c r="B3" s="47"/>
      <c r="C3" s="46"/>
      <c r="D3" s="46"/>
      <c r="E3" s="46"/>
      <c r="F3" s="46"/>
      <c r="G3" s="46"/>
      <c r="H3" s="46"/>
      <c r="I3" s="46"/>
      <c r="J3" s="46"/>
    </row>
    <row r="4" spans="2:10" ht="20.25" customHeight="1" x14ac:dyDescent="0.45">
      <c r="B4" s="47"/>
      <c r="C4" s="46"/>
      <c r="D4" s="46"/>
      <c r="E4" s="46"/>
      <c r="F4" s="46"/>
      <c r="G4" s="46"/>
      <c r="I4" s="195" t="s">
        <v>190</v>
      </c>
      <c r="J4" s="196"/>
    </row>
    <row r="5" spans="2:10" ht="18" customHeight="1" x14ac:dyDescent="0.45">
      <c r="I5" s="41" t="s">
        <v>189</v>
      </c>
    </row>
    <row r="6" spans="2:10" ht="15" customHeight="1" x14ac:dyDescent="0.45"/>
    <row r="7" spans="2:10" x14ac:dyDescent="0.45">
      <c r="B7" s="194" t="s">
        <v>188</v>
      </c>
      <c r="C7" s="194"/>
      <c r="D7" s="194"/>
      <c r="E7" s="194"/>
      <c r="F7" s="194"/>
      <c r="G7" s="194"/>
      <c r="H7" s="194"/>
      <c r="I7" s="194"/>
      <c r="J7" s="194"/>
    </row>
    <row r="8" spans="2:10" ht="13.5" customHeight="1" x14ac:dyDescent="0.45">
      <c r="B8" s="41" t="s">
        <v>187</v>
      </c>
    </row>
    <row r="9" spans="2:10" ht="12" customHeight="1" thickBot="1" x14ac:dyDescent="0.5"/>
    <row r="10" spans="2:10" ht="18.75" customHeight="1" thickBot="1" x14ac:dyDescent="0.5">
      <c r="B10" s="205" t="s">
        <v>186</v>
      </c>
      <c r="C10" s="206"/>
      <c r="D10" s="206" t="s">
        <v>185</v>
      </c>
      <c r="E10" s="206"/>
      <c r="F10" s="206" t="s">
        <v>184</v>
      </c>
      <c r="G10" s="218"/>
      <c r="H10" s="218"/>
      <c r="I10" s="219"/>
      <c r="J10" s="220"/>
    </row>
    <row r="11" spans="2:10" ht="18" customHeight="1" thickTop="1" x14ac:dyDescent="0.45">
      <c r="B11" s="189" t="s">
        <v>183</v>
      </c>
      <c r="C11" s="190"/>
      <c r="D11" s="185" t="s">
        <v>182</v>
      </c>
      <c r="E11" s="186"/>
      <c r="F11" s="185" t="s">
        <v>196</v>
      </c>
      <c r="G11" s="186"/>
      <c r="H11" s="186"/>
      <c r="I11" s="187"/>
      <c r="J11" s="188"/>
    </row>
    <row r="12" spans="2:10" x14ac:dyDescent="0.45">
      <c r="B12" s="189"/>
      <c r="C12" s="190"/>
      <c r="D12" s="197" t="s">
        <v>35</v>
      </c>
      <c r="E12" s="198"/>
      <c r="F12" s="197" t="s">
        <v>181</v>
      </c>
      <c r="G12" s="201"/>
      <c r="H12" s="201"/>
      <c r="I12" s="201"/>
      <c r="J12" s="202"/>
    </row>
    <row r="13" spans="2:10" x14ac:dyDescent="0.45">
      <c r="B13" s="189"/>
      <c r="C13" s="190"/>
      <c r="D13" s="199"/>
      <c r="E13" s="200"/>
      <c r="F13" s="199"/>
      <c r="G13" s="203"/>
      <c r="H13" s="203"/>
      <c r="I13" s="203"/>
      <c r="J13" s="204"/>
    </row>
    <row r="14" spans="2:10" ht="45" customHeight="1" x14ac:dyDescent="0.45">
      <c r="B14" s="189"/>
      <c r="C14" s="190"/>
      <c r="D14" s="185" t="s">
        <v>180</v>
      </c>
      <c r="E14" s="186"/>
      <c r="F14" s="185" t="s">
        <v>179</v>
      </c>
      <c r="G14" s="186"/>
      <c r="H14" s="186"/>
      <c r="I14" s="187"/>
      <c r="J14" s="188"/>
    </row>
    <row r="15" spans="2:10" ht="18" customHeight="1" x14ac:dyDescent="0.45">
      <c r="B15" s="189"/>
      <c r="C15" s="190"/>
      <c r="D15" s="207" t="s">
        <v>178</v>
      </c>
      <c r="E15" s="186"/>
      <c r="F15" s="185" t="s">
        <v>177</v>
      </c>
      <c r="G15" s="186"/>
      <c r="H15" s="186"/>
      <c r="I15" s="187"/>
      <c r="J15" s="188"/>
    </row>
    <row r="16" spans="2:10" ht="18" customHeight="1" x14ac:dyDescent="0.45">
      <c r="B16" s="189"/>
      <c r="C16" s="190"/>
      <c r="D16" s="207" t="s">
        <v>176</v>
      </c>
      <c r="E16" s="186"/>
      <c r="F16" s="185" t="s">
        <v>175</v>
      </c>
      <c r="G16" s="186"/>
      <c r="H16" s="186"/>
      <c r="I16" s="187"/>
      <c r="J16" s="188"/>
    </row>
    <row r="17" spans="2:10" ht="18" customHeight="1" x14ac:dyDescent="0.45">
      <c r="B17" s="189"/>
      <c r="C17" s="190"/>
      <c r="D17" s="185" t="s">
        <v>174</v>
      </c>
      <c r="E17" s="186"/>
      <c r="F17" s="185" t="s">
        <v>173</v>
      </c>
      <c r="G17" s="186"/>
      <c r="H17" s="186"/>
      <c r="I17" s="187"/>
      <c r="J17" s="188"/>
    </row>
    <row r="18" spans="2:10" ht="18" customHeight="1" x14ac:dyDescent="0.45">
      <c r="B18" s="189"/>
      <c r="C18" s="190"/>
      <c r="D18" s="185" t="s">
        <v>172</v>
      </c>
      <c r="E18" s="186"/>
      <c r="F18" s="185" t="s">
        <v>171</v>
      </c>
      <c r="G18" s="186"/>
      <c r="H18" s="186"/>
      <c r="I18" s="187"/>
      <c r="J18" s="188"/>
    </row>
    <row r="19" spans="2:10" ht="18" customHeight="1" x14ac:dyDescent="0.45">
      <c r="B19" s="189"/>
      <c r="C19" s="190"/>
      <c r="D19" s="185" t="s">
        <v>170</v>
      </c>
      <c r="E19" s="186"/>
      <c r="F19" s="185" t="s">
        <v>169</v>
      </c>
      <c r="G19" s="186"/>
      <c r="H19" s="186"/>
      <c r="I19" s="187"/>
      <c r="J19" s="188"/>
    </row>
    <row r="20" spans="2:10" ht="18" customHeight="1" x14ac:dyDescent="0.45">
      <c r="B20" s="189"/>
      <c r="C20" s="190"/>
      <c r="D20" s="185" t="s">
        <v>168</v>
      </c>
      <c r="E20" s="186"/>
      <c r="F20" s="185" t="s">
        <v>167</v>
      </c>
      <c r="G20" s="186"/>
      <c r="H20" s="186"/>
      <c r="I20" s="187"/>
      <c r="J20" s="188"/>
    </row>
    <row r="21" spans="2:10" ht="27" customHeight="1" x14ac:dyDescent="0.45">
      <c r="B21" s="189"/>
      <c r="C21" s="190"/>
      <c r="D21" s="185" t="s">
        <v>166</v>
      </c>
      <c r="E21" s="186"/>
      <c r="F21" s="185" t="s">
        <v>165</v>
      </c>
      <c r="G21" s="186"/>
      <c r="H21" s="186"/>
      <c r="I21" s="187"/>
      <c r="J21" s="188"/>
    </row>
    <row r="22" spans="2:10" ht="18" customHeight="1" x14ac:dyDescent="0.45">
      <c r="B22" s="189" t="s">
        <v>164</v>
      </c>
      <c r="C22" s="190"/>
      <c r="D22" s="210" t="s">
        <v>163</v>
      </c>
      <c r="E22" s="211"/>
      <c r="F22" s="185" t="s">
        <v>162</v>
      </c>
      <c r="G22" s="186"/>
      <c r="H22" s="186"/>
      <c r="I22" s="187"/>
      <c r="J22" s="188"/>
    </row>
    <row r="23" spans="2:10" ht="18" customHeight="1" x14ac:dyDescent="0.45">
      <c r="B23" s="189"/>
      <c r="C23" s="190"/>
      <c r="D23" s="185" t="s">
        <v>24</v>
      </c>
      <c r="E23" s="186"/>
      <c r="F23" s="185" t="s">
        <v>161</v>
      </c>
      <c r="G23" s="186"/>
      <c r="H23" s="186"/>
      <c r="I23" s="187"/>
      <c r="J23" s="188"/>
    </row>
    <row r="24" spans="2:10" ht="18" customHeight="1" x14ac:dyDescent="0.45">
      <c r="B24" s="189"/>
      <c r="C24" s="190"/>
      <c r="D24" s="185" t="s">
        <v>160</v>
      </c>
      <c r="E24" s="186"/>
      <c r="F24" s="185" t="s">
        <v>159</v>
      </c>
      <c r="G24" s="186"/>
      <c r="H24" s="186"/>
      <c r="I24" s="187"/>
      <c r="J24" s="188"/>
    </row>
    <row r="25" spans="2:10" ht="24" customHeight="1" x14ac:dyDescent="0.45">
      <c r="B25" s="189"/>
      <c r="C25" s="190"/>
      <c r="D25" s="191" t="s">
        <v>158</v>
      </c>
      <c r="E25" s="186"/>
      <c r="F25" s="185" t="s">
        <v>157</v>
      </c>
      <c r="G25" s="186"/>
      <c r="H25" s="186"/>
      <c r="I25" s="187"/>
      <c r="J25" s="188"/>
    </row>
    <row r="26" spans="2:10" ht="18" customHeight="1" x14ac:dyDescent="0.45">
      <c r="B26" s="189"/>
      <c r="C26" s="190"/>
      <c r="D26" s="185" t="s">
        <v>156</v>
      </c>
      <c r="E26" s="186"/>
      <c r="F26" s="185" t="s">
        <v>155</v>
      </c>
      <c r="G26" s="186"/>
      <c r="H26" s="186"/>
      <c r="I26" s="187"/>
      <c r="J26" s="188"/>
    </row>
    <row r="27" spans="2:10" ht="18" customHeight="1" x14ac:dyDescent="0.45">
      <c r="B27" s="189"/>
      <c r="C27" s="190"/>
      <c r="D27" s="185" t="s">
        <v>154</v>
      </c>
      <c r="E27" s="186"/>
      <c r="F27" s="185" t="s">
        <v>153</v>
      </c>
      <c r="G27" s="186"/>
      <c r="H27" s="186"/>
      <c r="I27" s="187"/>
      <c r="J27" s="188"/>
    </row>
    <row r="28" spans="2:10" ht="21.75" customHeight="1" x14ac:dyDescent="0.45">
      <c r="B28" s="189"/>
      <c r="C28" s="190"/>
      <c r="D28" s="191" t="s">
        <v>152</v>
      </c>
      <c r="E28" s="186"/>
      <c r="F28" s="185" t="s">
        <v>151</v>
      </c>
      <c r="G28" s="186"/>
      <c r="H28" s="186"/>
      <c r="I28" s="187"/>
      <c r="J28" s="188"/>
    </row>
    <row r="29" spans="2:10" ht="18" customHeight="1" x14ac:dyDescent="0.45">
      <c r="B29" s="189"/>
      <c r="C29" s="190"/>
      <c r="D29" s="185" t="s">
        <v>150</v>
      </c>
      <c r="E29" s="186"/>
      <c r="F29" s="185" t="s">
        <v>149</v>
      </c>
      <c r="G29" s="186"/>
      <c r="H29" s="186"/>
      <c r="I29" s="187"/>
      <c r="J29" s="188"/>
    </row>
    <row r="30" spans="2:10" ht="18" customHeight="1" x14ac:dyDescent="0.45">
      <c r="B30" s="189"/>
      <c r="C30" s="190"/>
      <c r="D30" s="185" t="s">
        <v>148</v>
      </c>
      <c r="E30" s="186"/>
      <c r="F30" s="185" t="s">
        <v>147</v>
      </c>
      <c r="G30" s="186"/>
      <c r="H30" s="186"/>
      <c r="I30" s="187"/>
      <c r="J30" s="188"/>
    </row>
    <row r="31" spans="2:10" ht="27" customHeight="1" x14ac:dyDescent="0.45">
      <c r="B31" s="189" t="s">
        <v>146</v>
      </c>
      <c r="C31" s="190"/>
      <c r="D31" s="185" t="s">
        <v>145</v>
      </c>
      <c r="E31" s="186"/>
      <c r="F31" s="185" t="s">
        <v>144</v>
      </c>
      <c r="G31" s="186"/>
      <c r="H31" s="186"/>
      <c r="I31" s="187"/>
      <c r="J31" s="188"/>
    </row>
    <row r="32" spans="2:10" ht="18" customHeight="1" x14ac:dyDescent="0.45">
      <c r="B32" s="189"/>
      <c r="C32" s="190"/>
      <c r="D32" s="185" t="s">
        <v>143</v>
      </c>
      <c r="E32" s="186"/>
      <c r="F32" s="185" t="s">
        <v>142</v>
      </c>
      <c r="G32" s="186"/>
      <c r="H32" s="186"/>
      <c r="I32" s="187"/>
      <c r="J32" s="188"/>
    </row>
    <row r="33" spans="2:10" ht="18" customHeight="1" x14ac:dyDescent="0.45">
      <c r="B33" s="212" t="s">
        <v>141</v>
      </c>
      <c r="C33" s="213"/>
      <c r="D33" s="210" t="s">
        <v>140</v>
      </c>
      <c r="E33" s="211"/>
      <c r="F33" s="221" t="s">
        <v>139</v>
      </c>
      <c r="G33" s="222"/>
      <c r="H33" s="222"/>
      <c r="I33" s="222"/>
      <c r="J33" s="223"/>
    </row>
    <row r="34" spans="2:10" ht="18" customHeight="1" x14ac:dyDescent="0.45">
      <c r="B34" s="214"/>
      <c r="C34" s="215"/>
      <c r="D34" s="210" t="s">
        <v>138</v>
      </c>
      <c r="E34" s="211"/>
      <c r="F34" s="221" t="s">
        <v>137</v>
      </c>
      <c r="G34" s="222"/>
      <c r="H34" s="222"/>
      <c r="I34" s="222"/>
      <c r="J34" s="223"/>
    </row>
    <row r="35" spans="2:10" x14ac:dyDescent="0.45">
      <c r="B35" s="214"/>
      <c r="C35" s="215"/>
      <c r="D35" s="197" t="s">
        <v>136</v>
      </c>
      <c r="E35" s="198"/>
      <c r="F35" s="197" t="s">
        <v>135</v>
      </c>
      <c r="G35" s="201"/>
      <c r="H35" s="201"/>
      <c r="I35" s="201"/>
      <c r="J35" s="202"/>
    </row>
    <row r="36" spans="2:10" ht="15.75" customHeight="1" x14ac:dyDescent="0.45">
      <c r="B36" s="214"/>
      <c r="C36" s="215"/>
      <c r="D36" s="199"/>
      <c r="E36" s="200"/>
      <c r="F36" s="199"/>
      <c r="G36" s="203"/>
      <c r="H36" s="203"/>
      <c r="I36" s="203"/>
      <c r="J36" s="204"/>
    </row>
    <row r="37" spans="2:10" ht="27.75" customHeight="1" x14ac:dyDescent="0.45">
      <c r="B37" s="214"/>
      <c r="C37" s="215"/>
      <c r="D37" s="210" t="s">
        <v>134</v>
      </c>
      <c r="E37" s="211"/>
      <c r="F37" s="210" t="s">
        <v>129</v>
      </c>
      <c r="G37" s="224"/>
      <c r="H37" s="224"/>
      <c r="I37" s="224"/>
      <c r="J37" s="225"/>
    </row>
    <row r="38" spans="2:10" ht="18" customHeight="1" x14ac:dyDescent="0.45">
      <c r="B38" s="214"/>
      <c r="C38" s="215"/>
      <c r="D38" s="185" t="s">
        <v>133</v>
      </c>
      <c r="E38" s="186"/>
      <c r="F38" s="185" t="s">
        <v>127</v>
      </c>
      <c r="G38" s="186"/>
      <c r="H38" s="186"/>
      <c r="I38" s="187"/>
      <c r="J38" s="188"/>
    </row>
    <row r="39" spans="2:10" ht="18" customHeight="1" x14ac:dyDescent="0.45">
      <c r="B39" s="214"/>
      <c r="C39" s="215"/>
      <c r="D39" s="185" t="s">
        <v>132</v>
      </c>
      <c r="E39" s="186"/>
      <c r="F39" s="185" t="s">
        <v>131</v>
      </c>
      <c r="G39" s="186"/>
      <c r="H39" s="186"/>
      <c r="I39" s="187"/>
      <c r="J39" s="188"/>
    </row>
    <row r="40" spans="2:10" x14ac:dyDescent="0.45">
      <c r="B40" s="214"/>
      <c r="C40" s="215"/>
      <c r="D40" s="197" t="s">
        <v>130</v>
      </c>
      <c r="E40" s="198"/>
      <c r="F40" s="197" t="s">
        <v>129</v>
      </c>
      <c r="G40" s="201"/>
      <c r="H40" s="201"/>
      <c r="I40" s="201"/>
      <c r="J40" s="202"/>
    </row>
    <row r="41" spans="2:10" x14ac:dyDescent="0.45">
      <c r="B41" s="214"/>
      <c r="C41" s="215"/>
      <c r="D41" s="199"/>
      <c r="E41" s="200"/>
      <c r="F41" s="199"/>
      <c r="G41" s="203"/>
      <c r="H41" s="203"/>
      <c r="I41" s="203"/>
      <c r="J41" s="204"/>
    </row>
    <row r="42" spans="2:10" ht="18" customHeight="1" x14ac:dyDescent="0.45">
      <c r="B42" s="216"/>
      <c r="C42" s="217"/>
      <c r="D42" s="207" t="s">
        <v>128</v>
      </c>
      <c r="E42" s="186"/>
      <c r="F42" s="185" t="s">
        <v>127</v>
      </c>
      <c r="G42" s="186"/>
      <c r="H42" s="186"/>
      <c r="I42" s="187"/>
      <c r="J42" s="188"/>
    </row>
    <row r="43" spans="2:10" ht="18" customHeight="1" thickBot="1" x14ac:dyDescent="0.5">
      <c r="B43" s="208" t="s">
        <v>126</v>
      </c>
      <c r="C43" s="209"/>
      <c r="D43" s="227" t="s">
        <v>125</v>
      </c>
      <c r="E43" s="228"/>
      <c r="F43" s="227" t="s">
        <v>125</v>
      </c>
      <c r="G43" s="228"/>
      <c r="H43" s="228"/>
      <c r="I43" s="229"/>
      <c r="J43" s="230"/>
    </row>
    <row r="44" spans="2:10" ht="8.25" customHeight="1" x14ac:dyDescent="0.2">
      <c r="B44" s="45"/>
      <c r="C44" s="44"/>
      <c r="D44" s="44"/>
      <c r="E44" s="44"/>
      <c r="F44" s="44"/>
      <c r="J44" s="43"/>
    </row>
    <row r="45" spans="2:10" s="42" customFormat="1" ht="18" customHeight="1" x14ac:dyDescent="0.45">
      <c r="B45" s="226" t="s">
        <v>124</v>
      </c>
      <c r="C45" s="226"/>
      <c r="D45" s="226"/>
      <c r="E45" s="226"/>
      <c r="F45" s="226"/>
      <c r="G45" s="226"/>
      <c r="H45" s="226"/>
      <c r="I45" s="226"/>
      <c r="J45" s="226"/>
    </row>
    <row r="46" spans="2:10" s="42" customFormat="1" ht="18" customHeight="1" x14ac:dyDescent="0.45">
      <c r="B46" s="226" t="s">
        <v>123</v>
      </c>
      <c r="C46" s="226"/>
      <c r="D46" s="226"/>
      <c r="E46" s="226"/>
      <c r="F46" s="226"/>
      <c r="G46" s="226"/>
      <c r="H46" s="226"/>
      <c r="I46" s="226"/>
      <c r="J46" s="226"/>
    </row>
    <row r="47" spans="2:10" ht="27" customHeight="1" x14ac:dyDescent="0.45"/>
    <row r="48" spans="2:10" ht="27" customHeight="1" x14ac:dyDescent="0.45"/>
    <row r="49" s="41" customFormat="1" ht="27" customHeight="1" x14ac:dyDescent="0.45"/>
    <row r="50" s="41" customFormat="1" ht="12.75" customHeight="1" x14ac:dyDescent="0.45"/>
    <row r="51" s="41" customFormat="1" ht="8.25" customHeight="1" x14ac:dyDescent="0.45"/>
    <row r="53" s="41" customFormat="1" ht="6.75" customHeight="1" x14ac:dyDescent="0.45"/>
    <row r="54" s="41" customFormat="1" ht="23.25" customHeight="1" x14ac:dyDescent="0.45"/>
    <row r="55" s="41" customFormat="1" ht="13.5" customHeight="1" x14ac:dyDescent="0.45"/>
    <row r="56" s="41" customFormat="1" ht="17.25" customHeight="1" x14ac:dyDescent="0.45"/>
    <row r="57" s="41" customFormat="1" ht="16.5" customHeight="1" x14ac:dyDescent="0.45"/>
    <row r="58" s="41" customFormat="1" ht="49.5" customHeight="1" x14ac:dyDescent="0.45"/>
    <row r="59" s="41" customFormat="1" ht="12" customHeight="1" x14ac:dyDescent="0.45"/>
    <row r="60" s="41" customFormat="1" ht="23.25" customHeight="1" x14ac:dyDescent="0.45"/>
    <row r="61" s="41" customFormat="1" ht="16.5" customHeight="1" x14ac:dyDescent="0.45"/>
    <row r="62" s="41" customFormat="1" ht="19.5" customHeight="1" x14ac:dyDescent="0.45"/>
    <row r="63" s="41" customFormat="1" ht="28.5" customHeight="1" x14ac:dyDescent="0.45"/>
    <row r="64" s="41" customFormat="1" ht="28.5" customHeight="1" x14ac:dyDescent="0.45"/>
    <row r="65" s="41" customFormat="1" ht="28.5" customHeight="1" x14ac:dyDescent="0.45"/>
    <row r="66" s="41" customFormat="1" ht="28.5" customHeight="1" x14ac:dyDescent="0.45"/>
    <row r="67" s="41" customFormat="1" ht="15" customHeight="1" x14ac:dyDescent="0.45"/>
    <row r="68" s="41" customFormat="1" ht="15" customHeight="1" x14ac:dyDescent="0.45"/>
    <row r="69" s="41" customFormat="1" ht="15" customHeight="1" x14ac:dyDescent="0.45"/>
    <row r="70" s="41" customFormat="1" ht="15" customHeight="1" x14ac:dyDescent="0.45"/>
    <row r="71" s="41" customFormat="1" ht="28.5" customHeight="1" x14ac:dyDescent="0.45"/>
    <row r="72" s="41" customFormat="1" ht="15" customHeight="1" x14ac:dyDescent="0.45"/>
    <row r="73" s="41" customFormat="1" ht="15" customHeight="1" x14ac:dyDescent="0.45"/>
    <row r="74" s="41" customFormat="1" ht="15" customHeight="1" x14ac:dyDescent="0.45"/>
    <row r="75" s="41" customFormat="1" ht="28.5" customHeight="1" x14ac:dyDescent="0.45"/>
    <row r="76" s="41" customFormat="1" ht="15" customHeight="1" x14ac:dyDescent="0.45"/>
    <row r="77" s="41" customFormat="1" ht="15" customHeight="1" x14ac:dyDescent="0.45"/>
    <row r="78" s="41" customFormat="1" ht="15" customHeight="1" x14ac:dyDescent="0.45"/>
    <row r="79" s="41" customFormat="1" ht="28.5" customHeight="1" x14ac:dyDescent="0.45"/>
    <row r="80" s="41" customFormat="1" ht="15" customHeight="1" x14ac:dyDescent="0.45"/>
    <row r="81" s="41" customFormat="1" ht="15" customHeight="1" x14ac:dyDescent="0.45"/>
    <row r="82" s="41" customFormat="1" ht="27.75" customHeight="1" x14ac:dyDescent="0.45"/>
    <row r="83" s="41" customFormat="1" ht="15" customHeight="1" x14ac:dyDescent="0.45"/>
    <row r="84" s="41" customFormat="1" ht="15" customHeight="1" x14ac:dyDescent="0.45"/>
    <row r="85" s="41" customFormat="1" ht="16.5" customHeight="1" x14ac:dyDescent="0.45"/>
    <row r="86" s="41" customFormat="1" ht="30" customHeight="1" x14ac:dyDescent="0.45"/>
    <row r="87" s="41" customFormat="1" ht="30.75" customHeight="1" x14ac:dyDescent="0.45"/>
    <row r="88" s="41" customFormat="1" ht="15" customHeight="1" x14ac:dyDescent="0.45"/>
    <row r="89" s="41" customFormat="1" ht="15" customHeight="1" x14ac:dyDescent="0.45"/>
    <row r="90" s="41" customFormat="1" ht="27.75" customHeight="1" x14ac:dyDescent="0.45"/>
    <row r="91" s="41" customFormat="1" ht="27.75" customHeight="1" x14ac:dyDescent="0.45"/>
    <row r="92" s="41" customFormat="1" ht="15.75" customHeight="1" x14ac:dyDescent="0.45"/>
  </sheetData>
  <mergeCells count="73">
    <mergeCell ref="D10:E10"/>
    <mergeCell ref="D20:E20"/>
    <mergeCell ref="B45:J45"/>
    <mergeCell ref="B46:J46"/>
    <mergeCell ref="D31:E31"/>
    <mergeCell ref="D29:E29"/>
    <mergeCell ref="D30:E30"/>
    <mergeCell ref="D23:E23"/>
    <mergeCell ref="D24:E24"/>
    <mergeCell ref="F43:J43"/>
    <mergeCell ref="D42:E42"/>
    <mergeCell ref="D43:E43"/>
    <mergeCell ref="F32:J32"/>
    <mergeCell ref="F38:J38"/>
    <mergeCell ref="F39:J39"/>
    <mergeCell ref="D32:E32"/>
    <mergeCell ref="F42:J42"/>
    <mergeCell ref="F33:J33"/>
    <mergeCell ref="F37:J37"/>
    <mergeCell ref="F35:J36"/>
    <mergeCell ref="F19:J19"/>
    <mergeCell ref="F20:J20"/>
    <mergeCell ref="F21:J21"/>
    <mergeCell ref="F40:J41"/>
    <mergeCell ref="F23:J23"/>
    <mergeCell ref="F24:J24"/>
    <mergeCell ref="F25:J25"/>
    <mergeCell ref="F28:J28"/>
    <mergeCell ref="F29:J29"/>
    <mergeCell ref="F30:J30"/>
    <mergeCell ref="F31:J31"/>
    <mergeCell ref="F34:J34"/>
    <mergeCell ref="F10:J10"/>
    <mergeCell ref="F11:J11"/>
    <mergeCell ref="F14:J14"/>
    <mergeCell ref="F18:J18"/>
    <mergeCell ref="F22:J22"/>
    <mergeCell ref="D17:E17"/>
    <mergeCell ref="B43:C43"/>
    <mergeCell ref="D38:E38"/>
    <mergeCell ref="D19:E19"/>
    <mergeCell ref="D25:E25"/>
    <mergeCell ref="D33:E33"/>
    <mergeCell ref="D34:E34"/>
    <mergeCell ref="D37:E37"/>
    <mergeCell ref="D27:E27"/>
    <mergeCell ref="D26:E26"/>
    <mergeCell ref="D40:E41"/>
    <mergeCell ref="B33:C42"/>
    <mergeCell ref="D22:E22"/>
    <mergeCell ref="D39:E39"/>
    <mergeCell ref="D35:E36"/>
    <mergeCell ref="B2:J2"/>
    <mergeCell ref="B7:J7"/>
    <mergeCell ref="I4:J4"/>
    <mergeCell ref="D12:E13"/>
    <mergeCell ref="F12:J13"/>
    <mergeCell ref="B11:C21"/>
    <mergeCell ref="D21:E21"/>
    <mergeCell ref="D18:E18"/>
    <mergeCell ref="D11:E11"/>
    <mergeCell ref="B10:C10"/>
    <mergeCell ref="D14:E14"/>
    <mergeCell ref="F15:J15"/>
    <mergeCell ref="F16:J16"/>
    <mergeCell ref="F17:J17"/>
    <mergeCell ref="D15:E15"/>
    <mergeCell ref="D16:E16"/>
    <mergeCell ref="F26:J26"/>
    <mergeCell ref="F27:J27"/>
    <mergeCell ref="B22:C30"/>
    <mergeCell ref="B31:C32"/>
    <mergeCell ref="D28:E28"/>
  </mergeCells>
  <phoneticPr fontId="1"/>
  <pageMargins left="0.74" right="0.23" top="0.65" bottom="0.19685039370078741" header="0.42" footer="0.51181102362204722"/>
  <pageSetup paperSize="9" orientation="portrait" blackAndWhite="1"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防災下見添付図書</vt:lpstr>
      <vt:lpstr>審査表</vt:lpstr>
      <vt:lpstr>計画表</vt:lpstr>
      <vt:lpstr>審査表!Print_Area</vt:lpstr>
      <vt:lpstr>防災下見添付図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井伊　翔大</dc:creator>
  <cp:lastModifiedBy>井上　阿寿加 / INOUE Asuka</cp:lastModifiedBy>
  <cp:lastPrinted>2025-03-11T04:23:03Z</cp:lastPrinted>
  <dcterms:created xsi:type="dcterms:W3CDTF">2021-04-03T00:33:50Z</dcterms:created>
  <dcterms:modified xsi:type="dcterms:W3CDTF">2025-03-11T05:21:27Z</dcterms:modified>
</cp:coreProperties>
</file>